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20"/>
  </p:notesMasterIdLst>
  <p:handoutMasterIdLst>
    <p:handoutMasterId r:id="rId21"/>
  </p:handoutMasterIdLst>
  <p:sldIdLst>
    <p:sldId id="256" r:id="rId8"/>
    <p:sldId id="260" r:id="rId9"/>
    <p:sldId id="270" r:id="rId10"/>
    <p:sldId id="271" r:id="rId11"/>
    <p:sldId id="272" r:id="rId12"/>
    <p:sldId id="273" r:id="rId13"/>
    <p:sldId id="274" r:id="rId14"/>
    <p:sldId id="275" r:id="rId15"/>
    <p:sldId id="265" r:id="rId16"/>
    <p:sldId id="266" r:id="rId17"/>
    <p:sldId id="261" r:id="rId18"/>
    <p:sldId id="262" r:id="rId19"/>
  </p:sldIdLst>
  <p:sldSz cx="12190413" cy="6858000"/>
  <p:notesSz cx="6858000" cy="9144000"/>
  <p:custDataLst>
    <p:tags r:id="rId22"/>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A0"/>
    <a:srgbClr val="2F3EEA"/>
    <a:srgbClr val="FFFFFF"/>
    <a:srgbClr val="990000"/>
    <a:srgbClr val="000000"/>
    <a:srgbClr val="FFCC00"/>
    <a:srgbClr val="FF6600"/>
    <a:srgbClr val="FF0000"/>
    <a:srgbClr val="FF0099"/>
    <a:srgbClr val="CC33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CB24989-CCC5-48D7-A09D-08093DC24D32}" v="6" dt="2022-08-27T16:08:31.617"/>
  </p1510:revLst>
</p1510:revInfo>
</file>

<file path=ppt/tableStyles.xml><?xml version="1.0" encoding="utf-8"?>
<a:tblStyleLst xmlns:a="http://schemas.openxmlformats.org/drawingml/2006/main" def="{21E4AEA4-8DFA-4A89-87EB-49C32662AFE0}">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5DA37D80-6434-44D0-A028-1B22A696006F}" styleName="Light Style 3 - Accent 2">
    <a:wholeTbl>
      <a:tcTxStyle>
        <a:fontRef idx="minor">
          <a:scrgbClr r="0" g="0" b="0"/>
        </a:fontRef>
        <a:schemeClr val="tx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w="12700" cmpd="sng">
              <a:solidFill>
                <a:schemeClr val="accent2"/>
              </a:solidFill>
            </a:ln>
          </a:insideV>
        </a:tcBdr>
        <a:fill>
          <a:noFill/>
        </a:fill>
      </a:tcStyle>
    </a:wholeTbl>
    <a:band1H>
      <a:tcStyle>
        <a:tcBdr/>
        <a:fill>
          <a:solidFill>
            <a:schemeClr val="accent2">
              <a:alpha val="20000"/>
            </a:schemeClr>
          </a:solidFill>
        </a:fill>
      </a:tcStyle>
    </a:band1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noFill/>
        </a:fill>
      </a:tcStyle>
    </a:lastRow>
    <a:firstRow>
      <a:tcTxStyle b="on"/>
      <a:tcStyle>
        <a:tcBdr>
          <a:bottom>
            <a:ln w="254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980" autoAdjust="0"/>
    <p:restoredTop sz="91543" autoAdjust="0"/>
  </p:normalViewPr>
  <p:slideViewPr>
    <p:cSldViewPr snapToGrid="0" showGuides="1">
      <p:cViewPr varScale="1">
        <p:scale>
          <a:sx n="102" d="100"/>
          <a:sy n="102" d="100"/>
        </p:scale>
        <p:origin x="180" y="270"/>
      </p:cViewPr>
      <p:guideLst/>
    </p:cSldViewPr>
  </p:slideViewPr>
  <p:notesTextViewPr>
    <p:cViewPr>
      <p:scale>
        <a:sx n="3" d="2"/>
        <a:sy n="3" d="2"/>
      </p:scale>
      <p:origin x="0" y="0"/>
    </p:cViewPr>
  </p:notesTextViewPr>
  <p:notesViewPr>
    <p:cSldViewPr snapToGrid="0" showGuides="1">
      <p:cViewPr varScale="1">
        <p:scale>
          <a:sx n="66" d="100"/>
          <a:sy n="66" d="100"/>
        </p:scale>
        <p:origin x="0" y="0"/>
      </p:cViewPr>
      <p:guideLst/>
    </p:cSldViewPr>
  </p:notesViewPr>
  <p:gridSpacing cx="36004" cy="36004"/>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handoutMaster" Target="handoutMasters/handoutMaster1.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presProps" Target="presProps.xml"/><Relationship Id="rId28" Type="http://schemas.microsoft.com/office/2015/10/relationships/revisionInfo" Target="revisionInfo.xml"/><Relationship Id="rId10" Type="http://schemas.openxmlformats.org/officeDocument/2006/relationships/slide" Target="slides/slide3.xml"/><Relationship Id="rId19" Type="http://schemas.openxmlformats.org/officeDocument/2006/relationships/slide" Target="slides/slide12.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tags" Target="tags/tag1.xml"/><Relationship Id="rId27"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atias Vázquez Piñón" userId="2f86a967-3c9c-4a39-b538-7e6c0574d83d" providerId="ADAL" clId="{FCB24989-CCC5-48D7-A09D-08093DC24D32}"/>
    <pc:docChg chg="undo custSel addSld delSld modSld sldOrd modMainMaster">
      <pc:chgData name="Matias Vázquez Piñón" userId="2f86a967-3c9c-4a39-b538-7e6c0574d83d" providerId="ADAL" clId="{FCB24989-CCC5-48D7-A09D-08093DC24D32}" dt="2022-08-27T16:08:31.617" v="248" actId="207"/>
      <pc:docMkLst>
        <pc:docMk/>
      </pc:docMkLst>
      <pc:sldChg chg="modSp mod">
        <pc:chgData name="Matias Vázquez Piñón" userId="2f86a967-3c9c-4a39-b538-7e6c0574d83d" providerId="ADAL" clId="{FCB24989-CCC5-48D7-A09D-08093DC24D32}" dt="2022-08-27T16:06:10.973" v="118" actId="14100"/>
        <pc:sldMkLst>
          <pc:docMk/>
          <pc:sldMk cId="2320714135" sldId="260"/>
        </pc:sldMkLst>
        <pc:spChg chg="mod">
          <ac:chgData name="Matias Vázquez Piñón" userId="2f86a967-3c9c-4a39-b538-7e6c0574d83d" providerId="ADAL" clId="{FCB24989-CCC5-48D7-A09D-08093DC24D32}" dt="2022-08-27T16:06:10.973" v="118" actId="14100"/>
          <ac:spMkLst>
            <pc:docMk/>
            <pc:sldMk cId="2320714135" sldId="260"/>
            <ac:spMk id="4" creationId="{674358EA-4D5B-461F-997D-DE6729900DE7}"/>
          </ac:spMkLst>
        </pc:spChg>
      </pc:sldChg>
      <pc:sldChg chg="del">
        <pc:chgData name="Matias Vázquez Piñón" userId="2f86a967-3c9c-4a39-b538-7e6c0574d83d" providerId="ADAL" clId="{FCB24989-CCC5-48D7-A09D-08093DC24D32}" dt="2022-08-27T16:07:25.016" v="186" actId="47"/>
        <pc:sldMkLst>
          <pc:docMk/>
          <pc:sldMk cId="1959878889" sldId="263"/>
        </pc:sldMkLst>
      </pc:sldChg>
      <pc:sldChg chg="del">
        <pc:chgData name="Matias Vázquez Piñón" userId="2f86a967-3c9c-4a39-b538-7e6c0574d83d" providerId="ADAL" clId="{FCB24989-CCC5-48D7-A09D-08093DC24D32}" dt="2022-08-27T16:07:25.016" v="186" actId="47"/>
        <pc:sldMkLst>
          <pc:docMk/>
          <pc:sldMk cId="1656633810" sldId="267"/>
        </pc:sldMkLst>
      </pc:sldChg>
      <pc:sldChg chg="del">
        <pc:chgData name="Matias Vázquez Piñón" userId="2f86a967-3c9c-4a39-b538-7e6c0574d83d" providerId="ADAL" clId="{FCB24989-CCC5-48D7-A09D-08093DC24D32}" dt="2022-08-27T16:07:25.016" v="186" actId="47"/>
        <pc:sldMkLst>
          <pc:docMk/>
          <pc:sldMk cId="346102671" sldId="268"/>
        </pc:sldMkLst>
      </pc:sldChg>
      <pc:sldChg chg="del">
        <pc:chgData name="Matias Vázquez Piñón" userId="2f86a967-3c9c-4a39-b538-7e6c0574d83d" providerId="ADAL" clId="{FCB24989-CCC5-48D7-A09D-08093DC24D32}" dt="2022-08-27T16:03:02.653" v="27" actId="47"/>
        <pc:sldMkLst>
          <pc:docMk/>
          <pc:sldMk cId="3214045116" sldId="269"/>
        </pc:sldMkLst>
      </pc:sldChg>
      <pc:sldChg chg="modSp new mod">
        <pc:chgData name="Matias Vázquez Piñón" userId="2f86a967-3c9c-4a39-b538-7e6c0574d83d" providerId="ADAL" clId="{FCB24989-CCC5-48D7-A09D-08093DC24D32}" dt="2022-08-27T16:02:08.709" v="25" actId="20577"/>
        <pc:sldMkLst>
          <pc:docMk/>
          <pc:sldMk cId="1241334744" sldId="271"/>
        </pc:sldMkLst>
        <pc:spChg chg="mod">
          <ac:chgData name="Matias Vázquez Piñón" userId="2f86a967-3c9c-4a39-b538-7e6c0574d83d" providerId="ADAL" clId="{FCB24989-CCC5-48D7-A09D-08093DC24D32}" dt="2022-08-27T16:02:08.709" v="25" actId="20577"/>
          <ac:spMkLst>
            <pc:docMk/>
            <pc:sldMk cId="1241334744" sldId="271"/>
            <ac:spMk id="2" creationId="{A4FD465A-E8BB-0F22-4C13-EC99E2C432B8}"/>
          </ac:spMkLst>
        </pc:spChg>
      </pc:sldChg>
      <pc:sldChg chg="modSp new mod">
        <pc:chgData name="Matias Vázquez Piñón" userId="2f86a967-3c9c-4a39-b538-7e6c0574d83d" providerId="ADAL" clId="{FCB24989-CCC5-48D7-A09D-08093DC24D32}" dt="2022-08-27T16:04:54.054" v="60" actId="20577"/>
        <pc:sldMkLst>
          <pc:docMk/>
          <pc:sldMk cId="3013665528" sldId="272"/>
        </pc:sldMkLst>
        <pc:spChg chg="mod">
          <ac:chgData name="Matias Vázquez Piñón" userId="2f86a967-3c9c-4a39-b538-7e6c0574d83d" providerId="ADAL" clId="{FCB24989-CCC5-48D7-A09D-08093DC24D32}" dt="2022-08-27T16:04:54.054" v="60" actId="20577"/>
          <ac:spMkLst>
            <pc:docMk/>
            <pc:sldMk cId="3013665528" sldId="272"/>
            <ac:spMk id="2" creationId="{0DC47FC7-FCC0-3E0C-97C6-9540A5AA28EA}"/>
          </ac:spMkLst>
        </pc:spChg>
      </pc:sldChg>
      <pc:sldChg chg="modSp new mod">
        <pc:chgData name="Matias Vázquez Piñón" userId="2f86a967-3c9c-4a39-b538-7e6c0574d83d" providerId="ADAL" clId="{FCB24989-CCC5-48D7-A09D-08093DC24D32}" dt="2022-08-27T16:05:33.739" v="92" actId="20577"/>
        <pc:sldMkLst>
          <pc:docMk/>
          <pc:sldMk cId="3735912561" sldId="273"/>
        </pc:sldMkLst>
        <pc:spChg chg="mod">
          <ac:chgData name="Matias Vázquez Piñón" userId="2f86a967-3c9c-4a39-b538-7e6c0574d83d" providerId="ADAL" clId="{FCB24989-CCC5-48D7-A09D-08093DC24D32}" dt="2022-08-27T16:05:33.739" v="92" actId="20577"/>
          <ac:spMkLst>
            <pc:docMk/>
            <pc:sldMk cId="3735912561" sldId="273"/>
            <ac:spMk id="2" creationId="{2EA6F86E-C6D3-7F20-578A-383FE09298D5}"/>
          </ac:spMkLst>
        </pc:spChg>
      </pc:sldChg>
      <pc:sldChg chg="addSp delSp modSp new mod ord modClrScheme chgLayout">
        <pc:chgData name="Matias Vázquez Piñón" userId="2f86a967-3c9c-4a39-b538-7e6c0574d83d" providerId="ADAL" clId="{FCB24989-CCC5-48D7-A09D-08093DC24D32}" dt="2022-08-27T16:07:41.724" v="189" actId="20577"/>
        <pc:sldMkLst>
          <pc:docMk/>
          <pc:sldMk cId="1011119532" sldId="274"/>
        </pc:sldMkLst>
        <pc:spChg chg="del mod ord">
          <ac:chgData name="Matias Vázquez Piñón" userId="2f86a967-3c9c-4a39-b538-7e6c0574d83d" providerId="ADAL" clId="{FCB24989-CCC5-48D7-A09D-08093DC24D32}" dt="2022-08-27T16:06:44.257" v="122" actId="700"/>
          <ac:spMkLst>
            <pc:docMk/>
            <pc:sldMk cId="1011119532" sldId="274"/>
            <ac:spMk id="2" creationId="{F5937ABA-F6A0-5579-0FC8-C853B738264F}"/>
          </ac:spMkLst>
        </pc:spChg>
        <pc:spChg chg="del mod ord">
          <ac:chgData name="Matias Vázquez Piñón" userId="2f86a967-3c9c-4a39-b538-7e6c0574d83d" providerId="ADAL" clId="{FCB24989-CCC5-48D7-A09D-08093DC24D32}" dt="2022-08-27T16:06:44.257" v="122" actId="700"/>
          <ac:spMkLst>
            <pc:docMk/>
            <pc:sldMk cId="1011119532" sldId="274"/>
            <ac:spMk id="3" creationId="{303AB183-6047-090E-949E-AB653DA3AE64}"/>
          </ac:spMkLst>
        </pc:spChg>
        <pc:spChg chg="mod ord">
          <ac:chgData name="Matias Vázquez Piñón" userId="2f86a967-3c9c-4a39-b538-7e6c0574d83d" providerId="ADAL" clId="{FCB24989-CCC5-48D7-A09D-08093DC24D32}" dt="2022-08-27T16:07:32.481" v="187" actId="700"/>
          <ac:spMkLst>
            <pc:docMk/>
            <pc:sldMk cId="1011119532" sldId="274"/>
            <ac:spMk id="4" creationId="{77B33085-BF39-5687-4129-8B11E89FE2B2}"/>
          </ac:spMkLst>
        </pc:spChg>
        <pc:spChg chg="mod ord">
          <ac:chgData name="Matias Vázquez Piñón" userId="2f86a967-3c9c-4a39-b538-7e6c0574d83d" providerId="ADAL" clId="{FCB24989-CCC5-48D7-A09D-08093DC24D32}" dt="2022-08-27T16:07:32.481" v="187" actId="700"/>
          <ac:spMkLst>
            <pc:docMk/>
            <pc:sldMk cId="1011119532" sldId="274"/>
            <ac:spMk id="5" creationId="{087A0440-46A3-C160-B029-642117EE3D78}"/>
          </ac:spMkLst>
        </pc:spChg>
        <pc:spChg chg="add mod ord">
          <ac:chgData name="Matias Vázquez Piñón" userId="2f86a967-3c9c-4a39-b538-7e6c0574d83d" providerId="ADAL" clId="{FCB24989-CCC5-48D7-A09D-08093DC24D32}" dt="2022-08-27T16:07:32.481" v="187" actId="700"/>
          <ac:spMkLst>
            <pc:docMk/>
            <pc:sldMk cId="1011119532" sldId="274"/>
            <ac:spMk id="6" creationId="{11EC404E-494D-8737-B2F3-6D30DF953993}"/>
          </ac:spMkLst>
        </pc:spChg>
        <pc:spChg chg="add mod ord">
          <ac:chgData name="Matias Vázquez Piñón" userId="2f86a967-3c9c-4a39-b538-7e6c0574d83d" providerId="ADAL" clId="{FCB24989-CCC5-48D7-A09D-08093DC24D32}" dt="2022-08-27T16:07:41.724" v="189" actId="20577"/>
          <ac:spMkLst>
            <pc:docMk/>
            <pc:sldMk cId="1011119532" sldId="274"/>
            <ac:spMk id="7" creationId="{0D200434-4127-A5B0-33BF-E0B6B5A49F14}"/>
          </ac:spMkLst>
        </pc:spChg>
      </pc:sldChg>
      <pc:sldChg chg="modSp new mod">
        <pc:chgData name="Matias Vázquez Piñón" userId="2f86a967-3c9c-4a39-b538-7e6c0574d83d" providerId="ADAL" clId="{FCB24989-CCC5-48D7-A09D-08093DC24D32}" dt="2022-08-27T16:08:31.617" v="248" actId="207"/>
        <pc:sldMkLst>
          <pc:docMk/>
          <pc:sldMk cId="3970646173" sldId="275"/>
        </pc:sldMkLst>
        <pc:spChg chg="mod">
          <ac:chgData name="Matias Vázquez Piñón" userId="2f86a967-3c9c-4a39-b538-7e6c0574d83d" providerId="ADAL" clId="{FCB24989-CCC5-48D7-A09D-08093DC24D32}" dt="2022-08-27T16:08:31.617" v="248" actId="207"/>
          <ac:spMkLst>
            <pc:docMk/>
            <pc:sldMk cId="3970646173" sldId="275"/>
            <ac:spMk id="2" creationId="{128CA51C-CBF1-C0A5-3C6C-1F393FE1E6C0}"/>
          </ac:spMkLst>
        </pc:spChg>
        <pc:spChg chg="mod">
          <ac:chgData name="Matias Vázquez Piñón" userId="2f86a967-3c9c-4a39-b538-7e6c0574d83d" providerId="ADAL" clId="{FCB24989-CCC5-48D7-A09D-08093DC24D32}" dt="2022-08-27T16:08:31.617" v="248" actId="207"/>
          <ac:spMkLst>
            <pc:docMk/>
            <pc:sldMk cId="3970646173" sldId="275"/>
            <ac:spMk id="3" creationId="{632E7D3C-758D-4944-FEF6-3A87C2414831}"/>
          </ac:spMkLst>
        </pc:spChg>
      </pc:sldChg>
      <pc:sldMasterChg chg="addSp delSp modSp mod modSldLayout">
        <pc:chgData name="Matias Vázquez Piñón" userId="2f86a967-3c9c-4a39-b538-7e6c0574d83d" providerId="ADAL" clId="{FCB24989-CCC5-48D7-A09D-08093DC24D32}" dt="2022-08-27T16:04:35.218" v="38"/>
        <pc:sldMasterMkLst>
          <pc:docMk/>
          <pc:sldMasterMk cId="2454702602" sldId="2147483662"/>
        </pc:sldMasterMkLst>
        <pc:spChg chg="del mod">
          <ac:chgData name="Matias Vázquez Piñón" userId="2f86a967-3c9c-4a39-b538-7e6c0574d83d" providerId="ADAL" clId="{FCB24989-CCC5-48D7-A09D-08093DC24D32}" dt="2022-08-27T16:03:48.874" v="35" actId="478"/>
          <ac:spMkLst>
            <pc:docMk/>
            <pc:sldMasterMk cId="2454702602" sldId="2147483662"/>
            <ac:spMk id="5" creationId="{792B975C-625D-4095-8E1D-63F20A11B57C}"/>
          </ac:spMkLst>
        </pc:spChg>
        <pc:spChg chg="add del">
          <ac:chgData name="Matias Vázquez Piñón" userId="2f86a967-3c9c-4a39-b538-7e6c0574d83d" providerId="ADAL" clId="{FCB24989-CCC5-48D7-A09D-08093DC24D32}" dt="2022-08-27T16:03:41.340" v="33" actId="478"/>
          <ac:spMkLst>
            <pc:docMk/>
            <pc:sldMasterMk cId="2454702602" sldId="2147483662"/>
            <ac:spMk id="11" creationId="{FFFFD011-0D94-46EE-B45C-787FE82C3B5E}"/>
          </ac:spMkLst>
        </pc:spChg>
        <pc:spChg chg="add del">
          <ac:chgData name="Matias Vázquez Piñón" userId="2f86a967-3c9c-4a39-b538-7e6c0574d83d" providerId="ADAL" clId="{FCB24989-CCC5-48D7-A09D-08093DC24D32}" dt="2022-08-27T16:03:38.114" v="31" actId="478"/>
          <ac:spMkLst>
            <pc:docMk/>
            <pc:sldMasterMk cId="2454702602" sldId="2147483662"/>
            <ac:spMk id="113676" creationId="{00000000-0000-0000-0000-000000000000}"/>
          </ac:spMkLst>
        </pc:spChg>
        <pc:sldLayoutChg chg="setBg">
          <pc:chgData name="Matias Vázquez Piñón" userId="2f86a967-3c9c-4a39-b538-7e6c0574d83d" providerId="ADAL" clId="{FCB24989-CCC5-48D7-A09D-08093DC24D32}" dt="2022-08-27T16:04:35.218" v="38"/>
          <pc:sldLayoutMkLst>
            <pc:docMk/>
            <pc:sldMasterMk cId="2454702602" sldId="2147483662"/>
            <pc:sldLayoutMk cId="3227214542" sldId="2147483663"/>
          </pc:sldLayoutMkLst>
        </pc:sldLayoutChg>
      </pc:sldMasterChg>
    </pc:docChg>
  </pc:docChgLst>
  <pc:docChgLst>
    <pc:chgData name="Matias Vázquez Piñón" userId="2f86a967-3c9c-4a39-b538-7e6c0574d83d" providerId="ADAL" clId="{E66F4708-AD71-433F-AEB5-26C299B7498D}"/>
    <pc:docChg chg="undo custSel addSld delSld modSld">
      <pc:chgData name="Matias Vázquez Piñón" userId="2f86a967-3c9c-4a39-b538-7e6c0574d83d" providerId="ADAL" clId="{E66F4708-AD71-433F-AEB5-26C299B7498D}" dt="2022-08-05T14:09:20.672" v="480" actId="13782"/>
      <pc:docMkLst>
        <pc:docMk/>
      </pc:docMkLst>
      <pc:sldChg chg="modSp new mod">
        <pc:chgData name="Matias Vázquez Piñón" userId="2f86a967-3c9c-4a39-b538-7e6c0574d83d" providerId="ADAL" clId="{E66F4708-AD71-433F-AEB5-26C299B7498D}" dt="2022-08-05T13:50:29.764" v="137" actId="20577"/>
        <pc:sldMkLst>
          <pc:docMk/>
          <pc:sldMk cId="1959878889" sldId="263"/>
        </pc:sldMkLst>
        <pc:spChg chg="mod">
          <ac:chgData name="Matias Vázquez Piñón" userId="2f86a967-3c9c-4a39-b538-7e6c0574d83d" providerId="ADAL" clId="{E66F4708-AD71-433F-AEB5-26C299B7498D}" dt="2022-08-05T13:50:29.764" v="137" actId="20577"/>
          <ac:spMkLst>
            <pc:docMk/>
            <pc:sldMk cId="1959878889" sldId="263"/>
            <ac:spMk id="2" creationId="{F1C0B847-3F7B-6CA3-AFDF-D18AE5844AA3}"/>
          </ac:spMkLst>
        </pc:spChg>
      </pc:sldChg>
      <pc:sldChg chg="modSp new del mod">
        <pc:chgData name="Matias Vázquez Piñón" userId="2f86a967-3c9c-4a39-b538-7e6c0574d83d" providerId="ADAL" clId="{E66F4708-AD71-433F-AEB5-26C299B7498D}" dt="2022-08-05T13:50:50.169" v="156" actId="47"/>
        <pc:sldMkLst>
          <pc:docMk/>
          <pc:sldMk cId="1415638680" sldId="264"/>
        </pc:sldMkLst>
        <pc:spChg chg="mod">
          <ac:chgData name="Matias Vázquez Piñón" userId="2f86a967-3c9c-4a39-b538-7e6c0574d83d" providerId="ADAL" clId="{E66F4708-AD71-433F-AEB5-26C299B7498D}" dt="2022-08-05T13:50:37.742" v="154" actId="20577"/>
          <ac:spMkLst>
            <pc:docMk/>
            <pc:sldMk cId="1415638680" sldId="264"/>
            <ac:spMk id="2" creationId="{3186A2E6-6112-D55D-CE53-873FCC68FA35}"/>
          </ac:spMkLst>
        </pc:spChg>
        <pc:spChg chg="mod">
          <ac:chgData name="Matias Vázquez Piñón" userId="2f86a967-3c9c-4a39-b538-7e6c0574d83d" providerId="ADAL" clId="{E66F4708-AD71-433F-AEB5-26C299B7498D}" dt="2022-08-05T13:48:42.305" v="111" actId="12"/>
          <ac:spMkLst>
            <pc:docMk/>
            <pc:sldMk cId="1415638680" sldId="264"/>
            <ac:spMk id="3" creationId="{6A464B91-B3A6-FC0F-051B-B87DFA92C559}"/>
          </ac:spMkLst>
        </pc:spChg>
        <pc:spChg chg="mod">
          <ac:chgData name="Matias Vázquez Piñón" userId="2f86a967-3c9c-4a39-b538-7e6c0574d83d" providerId="ADAL" clId="{E66F4708-AD71-433F-AEB5-26C299B7498D}" dt="2022-08-05T13:49:01.348" v="117" actId="5793"/>
          <ac:spMkLst>
            <pc:docMk/>
            <pc:sldMk cId="1415638680" sldId="264"/>
            <ac:spMk id="4" creationId="{821AAFF2-6D68-6C20-355F-38ED7389D234}"/>
          </ac:spMkLst>
        </pc:spChg>
      </pc:sldChg>
      <pc:sldChg chg="addSp delSp modSp new mod modClrScheme chgLayout">
        <pc:chgData name="Matias Vázquez Piñón" userId="2f86a967-3c9c-4a39-b538-7e6c0574d83d" providerId="ADAL" clId="{E66F4708-AD71-433F-AEB5-26C299B7498D}" dt="2022-08-05T13:53:38.999" v="194" actId="6549"/>
        <pc:sldMkLst>
          <pc:docMk/>
          <pc:sldMk cId="2888840955" sldId="265"/>
        </pc:sldMkLst>
        <pc:spChg chg="mod ord">
          <ac:chgData name="Matias Vázquez Piñón" userId="2f86a967-3c9c-4a39-b538-7e6c0574d83d" providerId="ADAL" clId="{E66F4708-AD71-433F-AEB5-26C299B7498D}" dt="2022-08-05T13:53:14.478" v="187" actId="700"/>
          <ac:spMkLst>
            <pc:docMk/>
            <pc:sldMk cId="2888840955" sldId="265"/>
            <ac:spMk id="2" creationId="{571771A2-3AF6-2739-C273-84A3363A869C}"/>
          </ac:spMkLst>
        </pc:spChg>
        <pc:spChg chg="mod ord">
          <ac:chgData name="Matias Vázquez Piñón" userId="2f86a967-3c9c-4a39-b538-7e6c0574d83d" providerId="ADAL" clId="{E66F4708-AD71-433F-AEB5-26C299B7498D}" dt="2022-08-05T13:53:14.478" v="187" actId="700"/>
          <ac:spMkLst>
            <pc:docMk/>
            <pc:sldMk cId="2888840955" sldId="265"/>
            <ac:spMk id="3" creationId="{5302A88E-8E1C-85EE-7FA5-21680F9EBD98}"/>
          </ac:spMkLst>
        </pc:spChg>
        <pc:spChg chg="del mod ord">
          <ac:chgData name="Matias Vázquez Piñón" userId="2f86a967-3c9c-4a39-b538-7e6c0574d83d" providerId="ADAL" clId="{E66F4708-AD71-433F-AEB5-26C299B7498D}" dt="2022-08-05T13:53:14.478" v="187" actId="700"/>
          <ac:spMkLst>
            <pc:docMk/>
            <pc:sldMk cId="2888840955" sldId="265"/>
            <ac:spMk id="4" creationId="{E89C6F11-338F-F9E9-B639-0382A8239D17}"/>
          </ac:spMkLst>
        </pc:spChg>
        <pc:spChg chg="del">
          <ac:chgData name="Matias Vázquez Piñón" userId="2f86a967-3c9c-4a39-b538-7e6c0574d83d" providerId="ADAL" clId="{E66F4708-AD71-433F-AEB5-26C299B7498D}" dt="2022-08-05T13:53:14.478" v="187" actId="700"/>
          <ac:spMkLst>
            <pc:docMk/>
            <pc:sldMk cId="2888840955" sldId="265"/>
            <ac:spMk id="5" creationId="{E5B3894C-4EBE-73D6-B5DB-173172AC8126}"/>
          </ac:spMkLst>
        </pc:spChg>
        <pc:spChg chg="mod ord">
          <ac:chgData name="Matias Vázquez Piñón" userId="2f86a967-3c9c-4a39-b538-7e6c0574d83d" providerId="ADAL" clId="{E66F4708-AD71-433F-AEB5-26C299B7498D}" dt="2022-08-05T13:53:14.478" v="187" actId="700"/>
          <ac:spMkLst>
            <pc:docMk/>
            <pc:sldMk cId="2888840955" sldId="265"/>
            <ac:spMk id="6" creationId="{4ED4C9D0-8202-1A1E-9F3E-C07CFC33F9C9}"/>
          </ac:spMkLst>
        </pc:spChg>
        <pc:spChg chg="mod ord">
          <ac:chgData name="Matias Vázquez Piñón" userId="2f86a967-3c9c-4a39-b538-7e6c0574d83d" providerId="ADAL" clId="{E66F4708-AD71-433F-AEB5-26C299B7498D}" dt="2022-08-05T13:53:14.478" v="187" actId="700"/>
          <ac:spMkLst>
            <pc:docMk/>
            <pc:sldMk cId="2888840955" sldId="265"/>
            <ac:spMk id="7" creationId="{0986E8B6-094E-4BA5-F537-31CA56866C3C}"/>
          </ac:spMkLst>
        </pc:spChg>
        <pc:spChg chg="add mod ord">
          <ac:chgData name="Matias Vázquez Piñón" userId="2f86a967-3c9c-4a39-b538-7e6c0574d83d" providerId="ADAL" clId="{E66F4708-AD71-433F-AEB5-26C299B7498D}" dt="2022-08-05T13:53:38.999" v="194" actId="6549"/>
          <ac:spMkLst>
            <pc:docMk/>
            <pc:sldMk cId="2888840955" sldId="265"/>
            <ac:spMk id="8" creationId="{2CC47155-8378-E8CF-291D-54FC70E8EAD3}"/>
          </ac:spMkLst>
        </pc:spChg>
      </pc:sldChg>
      <pc:sldChg chg="addSp delSp modSp new add del mod modClrScheme chgLayout">
        <pc:chgData name="Matias Vázquez Piñón" userId="2f86a967-3c9c-4a39-b538-7e6c0574d83d" providerId="ADAL" clId="{E66F4708-AD71-433F-AEB5-26C299B7498D}" dt="2022-08-05T13:59:57.445" v="274" actId="2696"/>
        <pc:sldMkLst>
          <pc:docMk/>
          <pc:sldMk cId="280927483" sldId="266"/>
        </pc:sldMkLst>
        <pc:spChg chg="mod ord">
          <ac:chgData name="Matias Vázquez Piñón" userId="2f86a967-3c9c-4a39-b538-7e6c0574d83d" providerId="ADAL" clId="{E66F4708-AD71-433F-AEB5-26C299B7498D}" dt="2022-08-05T13:56:29.311" v="251" actId="700"/>
          <ac:spMkLst>
            <pc:docMk/>
            <pc:sldMk cId="280927483" sldId="266"/>
            <ac:spMk id="2" creationId="{41E5C6D3-8078-3592-9B37-AE3CEA932978}"/>
          </ac:spMkLst>
        </pc:spChg>
        <pc:spChg chg="mod ord">
          <ac:chgData name="Matias Vázquez Piñón" userId="2f86a967-3c9c-4a39-b538-7e6c0574d83d" providerId="ADAL" clId="{E66F4708-AD71-433F-AEB5-26C299B7498D}" dt="2022-08-05T13:57:55.214" v="263" actId="404"/>
          <ac:spMkLst>
            <pc:docMk/>
            <pc:sldMk cId="280927483" sldId="266"/>
            <ac:spMk id="3" creationId="{8671F42F-7514-17FE-E392-209FE2805851}"/>
          </ac:spMkLst>
        </pc:spChg>
        <pc:spChg chg="del mod ord">
          <ac:chgData name="Matias Vázquez Piñón" userId="2f86a967-3c9c-4a39-b538-7e6c0574d83d" providerId="ADAL" clId="{E66F4708-AD71-433F-AEB5-26C299B7498D}" dt="2022-08-05T13:55:13.500" v="233" actId="700"/>
          <ac:spMkLst>
            <pc:docMk/>
            <pc:sldMk cId="280927483" sldId="266"/>
            <ac:spMk id="4" creationId="{B897119B-7F14-FBF6-6892-77AC751BF507}"/>
          </ac:spMkLst>
        </pc:spChg>
        <pc:spChg chg="mod ord">
          <ac:chgData name="Matias Vázquez Piñón" userId="2f86a967-3c9c-4a39-b538-7e6c0574d83d" providerId="ADAL" clId="{E66F4708-AD71-433F-AEB5-26C299B7498D}" dt="2022-08-05T13:56:29.311" v="251" actId="700"/>
          <ac:spMkLst>
            <pc:docMk/>
            <pc:sldMk cId="280927483" sldId="266"/>
            <ac:spMk id="5" creationId="{CA77BA53-D313-FC07-1895-5FBF1A89FE4E}"/>
          </ac:spMkLst>
        </pc:spChg>
        <pc:spChg chg="mod ord">
          <ac:chgData name="Matias Vázquez Piñón" userId="2f86a967-3c9c-4a39-b538-7e6c0574d83d" providerId="ADAL" clId="{E66F4708-AD71-433F-AEB5-26C299B7498D}" dt="2022-08-05T13:56:29.311" v="251" actId="700"/>
          <ac:spMkLst>
            <pc:docMk/>
            <pc:sldMk cId="280927483" sldId="266"/>
            <ac:spMk id="6" creationId="{0B719A02-DA5C-A75F-8B7F-35B28C5A13F8}"/>
          </ac:spMkLst>
        </pc:spChg>
        <pc:spChg chg="add del mod ord">
          <ac:chgData name="Matias Vázquez Piñón" userId="2f86a967-3c9c-4a39-b538-7e6c0574d83d" providerId="ADAL" clId="{E66F4708-AD71-433F-AEB5-26C299B7498D}" dt="2022-08-05T13:55:28.272" v="236" actId="22"/>
          <ac:spMkLst>
            <pc:docMk/>
            <pc:sldMk cId="280927483" sldId="266"/>
            <ac:spMk id="7" creationId="{F1FCBFA0-66C6-30D4-DA82-31C4BB11A64E}"/>
          </ac:spMkLst>
        </pc:spChg>
        <pc:spChg chg="add del mod ord">
          <ac:chgData name="Matias Vázquez Piñón" userId="2f86a967-3c9c-4a39-b538-7e6c0574d83d" providerId="ADAL" clId="{E66F4708-AD71-433F-AEB5-26C299B7498D}" dt="2022-08-05T13:56:29.311" v="251" actId="700"/>
          <ac:spMkLst>
            <pc:docMk/>
            <pc:sldMk cId="280927483" sldId="266"/>
            <ac:spMk id="8" creationId="{27D0982A-7FB5-5AD8-1D7D-4DE65D6E8AA1}"/>
          </ac:spMkLst>
        </pc:spChg>
        <pc:spChg chg="add del mod">
          <ac:chgData name="Matias Vázquez Piñón" userId="2f86a967-3c9c-4a39-b538-7e6c0574d83d" providerId="ADAL" clId="{E66F4708-AD71-433F-AEB5-26C299B7498D}" dt="2022-08-05T13:56:29.311" v="251" actId="700"/>
          <ac:spMkLst>
            <pc:docMk/>
            <pc:sldMk cId="280927483" sldId="266"/>
            <ac:spMk id="13" creationId="{F3B54515-48AA-FAA5-3A75-736B49E2EA1F}"/>
          </ac:spMkLst>
        </pc:spChg>
        <pc:picChg chg="add del">
          <ac:chgData name="Matias Vázquez Piñón" userId="2f86a967-3c9c-4a39-b538-7e6c0574d83d" providerId="ADAL" clId="{E66F4708-AD71-433F-AEB5-26C299B7498D}" dt="2022-08-05T13:55:26.511" v="235" actId="22"/>
          <ac:picMkLst>
            <pc:docMk/>
            <pc:sldMk cId="280927483" sldId="266"/>
            <ac:picMk id="10" creationId="{82542340-2774-9EA9-532B-6C0C39E74711}"/>
          </ac:picMkLst>
        </pc:picChg>
        <pc:picChg chg="add del mod ord modCrop">
          <ac:chgData name="Matias Vázquez Piñón" userId="2f86a967-3c9c-4a39-b538-7e6c0574d83d" providerId="ADAL" clId="{E66F4708-AD71-433F-AEB5-26C299B7498D}" dt="2022-08-05T13:55:56.025" v="246" actId="478"/>
          <ac:picMkLst>
            <pc:docMk/>
            <pc:sldMk cId="280927483" sldId="266"/>
            <ac:picMk id="12" creationId="{CF12BD07-5DD1-2EC3-2B32-43DC420356D1}"/>
          </ac:picMkLst>
        </pc:picChg>
        <pc:picChg chg="add mod">
          <ac:chgData name="Matias Vázquez Piñón" userId="2f86a967-3c9c-4a39-b538-7e6c0574d83d" providerId="ADAL" clId="{E66F4708-AD71-433F-AEB5-26C299B7498D}" dt="2022-08-05T13:58:00.381" v="264" actId="1076"/>
          <ac:picMkLst>
            <pc:docMk/>
            <pc:sldMk cId="280927483" sldId="266"/>
            <ac:picMk id="15" creationId="{E61FA436-8132-E8D9-E72F-004C6832ACE4}"/>
          </ac:picMkLst>
        </pc:picChg>
        <pc:picChg chg="add mod">
          <ac:chgData name="Matias Vázquez Piñón" userId="2f86a967-3c9c-4a39-b538-7e6c0574d83d" providerId="ADAL" clId="{E66F4708-AD71-433F-AEB5-26C299B7498D}" dt="2022-08-05T13:58:02.110" v="265" actId="1076"/>
          <ac:picMkLst>
            <pc:docMk/>
            <pc:sldMk cId="280927483" sldId="266"/>
            <ac:picMk id="17" creationId="{97224453-B5F6-778C-4B39-F677C78F51DA}"/>
          </ac:picMkLst>
        </pc:picChg>
        <pc:picChg chg="add mod">
          <ac:chgData name="Matias Vázquez Piñón" userId="2f86a967-3c9c-4a39-b538-7e6c0574d83d" providerId="ADAL" clId="{E66F4708-AD71-433F-AEB5-26C299B7498D}" dt="2022-08-05T13:58:25.764" v="268" actId="1076"/>
          <ac:picMkLst>
            <pc:docMk/>
            <pc:sldMk cId="280927483" sldId="266"/>
            <ac:picMk id="19" creationId="{1905D9EB-78AE-B07F-D4C4-B92A0351106D}"/>
          </ac:picMkLst>
        </pc:picChg>
        <pc:picChg chg="add mod">
          <ac:chgData name="Matias Vázquez Piñón" userId="2f86a967-3c9c-4a39-b538-7e6c0574d83d" providerId="ADAL" clId="{E66F4708-AD71-433F-AEB5-26C299B7498D}" dt="2022-08-05T13:59:12.087" v="272" actId="1076"/>
          <ac:picMkLst>
            <pc:docMk/>
            <pc:sldMk cId="280927483" sldId="266"/>
            <ac:picMk id="21" creationId="{0F2859B1-FAFC-1684-9FF8-2EA1DE3AB331}"/>
          </ac:picMkLst>
        </pc:picChg>
      </pc:sldChg>
      <pc:sldChg chg="new del">
        <pc:chgData name="Matias Vázquez Piñón" userId="2f86a967-3c9c-4a39-b538-7e6c0574d83d" providerId="ADAL" clId="{E66F4708-AD71-433F-AEB5-26C299B7498D}" dt="2022-08-05T13:50:52.461" v="157" actId="47"/>
        <pc:sldMkLst>
          <pc:docMk/>
          <pc:sldMk cId="1354585810" sldId="266"/>
        </pc:sldMkLst>
      </pc:sldChg>
      <pc:sldChg chg="modSp new mod">
        <pc:chgData name="Matias Vázquez Piñón" userId="2f86a967-3c9c-4a39-b538-7e6c0574d83d" providerId="ADAL" clId="{E66F4708-AD71-433F-AEB5-26C299B7498D}" dt="2022-08-05T14:02:49.847" v="356" actId="6549"/>
        <pc:sldMkLst>
          <pc:docMk/>
          <pc:sldMk cId="1656633810" sldId="267"/>
        </pc:sldMkLst>
        <pc:spChg chg="mod">
          <ac:chgData name="Matias Vázquez Piñón" userId="2f86a967-3c9c-4a39-b538-7e6c0574d83d" providerId="ADAL" clId="{E66F4708-AD71-433F-AEB5-26C299B7498D}" dt="2022-08-05T14:02:49.847" v="356" actId="6549"/>
          <ac:spMkLst>
            <pc:docMk/>
            <pc:sldMk cId="1656633810" sldId="267"/>
            <ac:spMk id="2" creationId="{467D2C3C-146A-3068-3475-585FC165EBA2}"/>
          </ac:spMkLst>
        </pc:spChg>
      </pc:sldChg>
      <pc:sldChg chg="addSp delSp modSp add del mod modClrScheme chgLayout">
        <pc:chgData name="Matias Vázquez Piñón" userId="2f86a967-3c9c-4a39-b538-7e6c0574d83d" providerId="ADAL" clId="{E66F4708-AD71-433F-AEB5-26C299B7498D}" dt="2022-08-05T14:00:47.553" v="288" actId="47"/>
        <pc:sldMkLst>
          <pc:docMk/>
          <pc:sldMk cId="3679042969" sldId="267"/>
        </pc:sldMkLst>
        <pc:spChg chg="mod ord">
          <ac:chgData name="Matias Vázquez Piñón" userId="2f86a967-3c9c-4a39-b538-7e6c0574d83d" providerId="ADAL" clId="{E66F4708-AD71-433F-AEB5-26C299B7498D}" dt="2022-08-05T14:00:07.858" v="281" actId="700"/>
          <ac:spMkLst>
            <pc:docMk/>
            <pc:sldMk cId="3679042969" sldId="267"/>
            <ac:spMk id="2" creationId="{41E5C6D3-8078-3592-9B37-AE3CEA932978}"/>
          </ac:spMkLst>
        </pc:spChg>
        <pc:spChg chg="del mod ord">
          <ac:chgData name="Matias Vázquez Piñón" userId="2f86a967-3c9c-4a39-b538-7e6c0574d83d" providerId="ADAL" clId="{E66F4708-AD71-433F-AEB5-26C299B7498D}" dt="2022-08-05T14:00:07.858" v="281" actId="700"/>
          <ac:spMkLst>
            <pc:docMk/>
            <pc:sldMk cId="3679042969" sldId="267"/>
            <ac:spMk id="3" creationId="{8671F42F-7514-17FE-E392-209FE2805851}"/>
          </ac:spMkLst>
        </pc:spChg>
        <pc:spChg chg="add del mod ord">
          <ac:chgData name="Matias Vázquez Piñón" userId="2f86a967-3c9c-4a39-b538-7e6c0574d83d" providerId="ADAL" clId="{E66F4708-AD71-433F-AEB5-26C299B7498D}" dt="2022-08-05T14:00:23.059" v="284" actId="22"/>
          <ac:spMkLst>
            <pc:docMk/>
            <pc:sldMk cId="3679042969" sldId="267"/>
            <ac:spMk id="4" creationId="{D1A114DD-C896-E321-6AD2-D9ADDCF37BC7}"/>
          </ac:spMkLst>
        </pc:spChg>
        <pc:spChg chg="mod ord">
          <ac:chgData name="Matias Vázquez Piñón" userId="2f86a967-3c9c-4a39-b538-7e6c0574d83d" providerId="ADAL" clId="{E66F4708-AD71-433F-AEB5-26C299B7498D}" dt="2022-08-05T14:00:07.858" v="281" actId="700"/>
          <ac:spMkLst>
            <pc:docMk/>
            <pc:sldMk cId="3679042969" sldId="267"/>
            <ac:spMk id="5" creationId="{CA77BA53-D313-FC07-1895-5FBF1A89FE4E}"/>
          </ac:spMkLst>
        </pc:spChg>
        <pc:spChg chg="mod ord">
          <ac:chgData name="Matias Vázquez Piñón" userId="2f86a967-3c9c-4a39-b538-7e6c0574d83d" providerId="ADAL" clId="{E66F4708-AD71-433F-AEB5-26C299B7498D}" dt="2022-08-05T14:00:07.858" v="281" actId="700"/>
          <ac:spMkLst>
            <pc:docMk/>
            <pc:sldMk cId="3679042969" sldId="267"/>
            <ac:spMk id="6" creationId="{0B719A02-DA5C-A75F-8B7F-35B28C5A13F8}"/>
          </ac:spMkLst>
        </pc:spChg>
        <pc:spChg chg="add mod ord">
          <ac:chgData name="Matias Vázquez Piñón" userId="2f86a967-3c9c-4a39-b538-7e6c0574d83d" providerId="ADAL" clId="{E66F4708-AD71-433F-AEB5-26C299B7498D}" dt="2022-08-05T14:00:07.858" v="281" actId="700"/>
          <ac:spMkLst>
            <pc:docMk/>
            <pc:sldMk cId="3679042969" sldId="267"/>
            <ac:spMk id="7" creationId="{631A512A-ABD5-1EA7-E0EC-41CCDF0E1F99}"/>
          </ac:spMkLst>
        </pc:spChg>
        <pc:picChg chg="add del">
          <ac:chgData name="Matias Vázquez Piñón" userId="2f86a967-3c9c-4a39-b538-7e6c0574d83d" providerId="ADAL" clId="{E66F4708-AD71-433F-AEB5-26C299B7498D}" dt="2022-08-05T14:00:21.611" v="283" actId="22"/>
          <ac:picMkLst>
            <pc:docMk/>
            <pc:sldMk cId="3679042969" sldId="267"/>
            <ac:picMk id="9" creationId="{4347A728-5635-4072-0687-D61B3117E764}"/>
          </ac:picMkLst>
        </pc:picChg>
        <pc:picChg chg="add mod ord">
          <ac:chgData name="Matias Vázquez Piñón" userId="2f86a967-3c9c-4a39-b538-7e6c0574d83d" providerId="ADAL" clId="{E66F4708-AD71-433F-AEB5-26C299B7498D}" dt="2022-08-05T14:00:45.168" v="287" actId="1076"/>
          <ac:picMkLst>
            <pc:docMk/>
            <pc:sldMk cId="3679042969" sldId="267"/>
            <ac:picMk id="11" creationId="{B2961FDF-E129-B747-DEB4-258ED1CD1F2C}"/>
          </ac:picMkLst>
        </pc:picChg>
        <pc:picChg chg="del">
          <ac:chgData name="Matias Vázquez Piñón" userId="2f86a967-3c9c-4a39-b538-7e6c0574d83d" providerId="ADAL" clId="{E66F4708-AD71-433F-AEB5-26C299B7498D}" dt="2022-08-05T14:00:03.613" v="279" actId="478"/>
          <ac:picMkLst>
            <pc:docMk/>
            <pc:sldMk cId="3679042969" sldId="267"/>
            <ac:picMk id="15" creationId="{E61FA436-8132-E8D9-E72F-004C6832ACE4}"/>
          </ac:picMkLst>
        </pc:picChg>
        <pc:picChg chg="del">
          <ac:chgData name="Matias Vázquez Piñón" userId="2f86a967-3c9c-4a39-b538-7e6c0574d83d" providerId="ADAL" clId="{E66F4708-AD71-433F-AEB5-26C299B7498D}" dt="2022-08-05T14:00:03.108" v="278" actId="478"/>
          <ac:picMkLst>
            <pc:docMk/>
            <pc:sldMk cId="3679042969" sldId="267"/>
            <ac:picMk id="17" creationId="{97224453-B5F6-778C-4B39-F677C78F51DA}"/>
          </ac:picMkLst>
        </pc:picChg>
        <pc:picChg chg="del">
          <ac:chgData name="Matias Vázquez Piñón" userId="2f86a967-3c9c-4a39-b538-7e6c0574d83d" providerId="ADAL" clId="{E66F4708-AD71-433F-AEB5-26C299B7498D}" dt="2022-08-05T14:00:02.451" v="276" actId="478"/>
          <ac:picMkLst>
            <pc:docMk/>
            <pc:sldMk cId="3679042969" sldId="267"/>
            <ac:picMk id="19" creationId="{1905D9EB-78AE-B07F-D4C4-B92A0351106D}"/>
          </ac:picMkLst>
        </pc:picChg>
        <pc:picChg chg="del">
          <ac:chgData name="Matias Vázquez Piñón" userId="2f86a967-3c9c-4a39-b538-7e6c0574d83d" providerId="ADAL" clId="{E66F4708-AD71-433F-AEB5-26C299B7498D}" dt="2022-08-05T14:00:02.769" v="277" actId="478"/>
          <ac:picMkLst>
            <pc:docMk/>
            <pc:sldMk cId="3679042969" sldId="267"/>
            <ac:picMk id="21" creationId="{0F2859B1-FAFC-1684-9FF8-2EA1DE3AB331}"/>
          </ac:picMkLst>
        </pc:picChg>
      </pc:sldChg>
      <pc:sldChg chg="modSp new mod">
        <pc:chgData name="Matias Vázquez Piñón" userId="2f86a967-3c9c-4a39-b538-7e6c0574d83d" providerId="ADAL" clId="{E66F4708-AD71-433F-AEB5-26C299B7498D}" dt="2022-08-05T14:03:10.398" v="378" actId="20577"/>
        <pc:sldMkLst>
          <pc:docMk/>
          <pc:sldMk cId="346102671" sldId="268"/>
        </pc:sldMkLst>
        <pc:spChg chg="mod">
          <ac:chgData name="Matias Vázquez Piñón" userId="2f86a967-3c9c-4a39-b538-7e6c0574d83d" providerId="ADAL" clId="{E66F4708-AD71-433F-AEB5-26C299B7498D}" dt="2022-08-05T14:03:10.398" v="378" actId="20577"/>
          <ac:spMkLst>
            <pc:docMk/>
            <pc:sldMk cId="346102671" sldId="268"/>
            <ac:spMk id="2" creationId="{EA419965-2675-66E8-1F63-4C3B563D5305}"/>
          </ac:spMkLst>
        </pc:spChg>
      </pc:sldChg>
      <pc:sldChg chg="modSp add del mod">
        <pc:chgData name="Matias Vázquez Piñón" userId="2f86a967-3c9c-4a39-b538-7e6c0574d83d" providerId="ADAL" clId="{E66F4708-AD71-433F-AEB5-26C299B7498D}" dt="2022-08-05T14:02:52.657" v="357" actId="47"/>
        <pc:sldMkLst>
          <pc:docMk/>
          <pc:sldMk cId="4028541455" sldId="268"/>
        </pc:sldMkLst>
        <pc:spChg chg="mod">
          <ac:chgData name="Matias Vázquez Piñón" userId="2f86a967-3c9c-4a39-b538-7e6c0574d83d" providerId="ADAL" clId="{E66F4708-AD71-433F-AEB5-26C299B7498D}" dt="2022-08-05T14:02:35.053" v="355" actId="20577"/>
          <ac:spMkLst>
            <pc:docMk/>
            <pc:sldMk cId="4028541455" sldId="268"/>
            <ac:spMk id="2" creationId="{467D2C3C-146A-3068-3475-585FC165EBA2}"/>
          </ac:spMkLst>
        </pc:spChg>
      </pc:sldChg>
      <pc:sldChg chg="addSp delSp modSp new mod">
        <pc:chgData name="Matias Vázquez Piñón" userId="2f86a967-3c9c-4a39-b538-7e6c0574d83d" providerId="ADAL" clId="{E66F4708-AD71-433F-AEB5-26C299B7498D}" dt="2022-08-05T14:06:53.383" v="471" actId="478"/>
        <pc:sldMkLst>
          <pc:docMk/>
          <pc:sldMk cId="3214045116" sldId="269"/>
        </pc:sldMkLst>
        <pc:spChg chg="mod">
          <ac:chgData name="Matias Vázquez Piñón" userId="2f86a967-3c9c-4a39-b538-7e6c0574d83d" providerId="ADAL" clId="{E66F4708-AD71-433F-AEB5-26C299B7498D}" dt="2022-08-05T14:05:05.590" v="460" actId="20577"/>
          <ac:spMkLst>
            <pc:docMk/>
            <pc:sldMk cId="3214045116" sldId="269"/>
            <ac:spMk id="2" creationId="{D93A7F51-0797-E1A1-471B-9CD49B9DD75F}"/>
          </ac:spMkLst>
        </pc:spChg>
        <pc:spChg chg="mod">
          <ac:chgData name="Matias Vázquez Piñón" userId="2f86a967-3c9c-4a39-b538-7e6c0574d83d" providerId="ADAL" clId="{E66F4708-AD71-433F-AEB5-26C299B7498D}" dt="2022-08-05T14:04:42.828" v="402"/>
          <ac:spMkLst>
            <pc:docMk/>
            <pc:sldMk cId="3214045116" sldId="269"/>
            <ac:spMk id="3" creationId="{395E8958-B8F6-F183-EB5D-3D59388964CA}"/>
          </ac:spMkLst>
        </pc:spChg>
        <pc:graphicFrameChg chg="add del mod modGraphic">
          <ac:chgData name="Matias Vázquez Piñón" userId="2f86a967-3c9c-4a39-b538-7e6c0574d83d" providerId="ADAL" clId="{E66F4708-AD71-433F-AEB5-26C299B7498D}" dt="2022-08-05T14:06:53.383" v="471" actId="478"/>
          <ac:graphicFrameMkLst>
            <pc:docMk/>
            <pc:sldMk cId="3214045116" sldId="269"/>
            <ac:graphicFrameMk id="6" creationId="{1F5BE8A6-5E79-4D19-890C-02327B3BACF5}"/>
          </ac:graphicFrameMkLst>
        </pc:graphicFrameChg>
        <pc:graphicFrameChg chg="add del mod modGraphic">
          <ac:chgData name="Matias Vázquez Piñón" userId="2f86a967-3c9c-4a39-b538-7e6c0574d83d" providerId="ADAL" clId="{E66F4708-AD71-433F-AEB5-26C299B7498D}" dt="2022-08-05T14:06:49.830" v="470" actId="478"/>
          <ac:graphicFrameMkLst>
            <pc:docMk/>
            <pc:sldMk cId="3214045116" sldId="269"/>
            <ac:graphicFrameMk id="7" creationId="{522CA8B7-3EFA-CC2E-9068-0FB6D1648CA3}"/>
          </ac:graphicFrameMkLst>
        </pc:graphicFrameChg>
      </pc:sldChg>
      <pc:sldChg chg="addSp delSp modSp add mod">
        <pc:chgData name="Matias Vázquez Piñón" userId="2f86a967-3c9c-4a39-b538-7e6c0574d83d" providerId="ADAL" clId="{E66F4708-AD71-433F-AEB5-26C299B7498D}" dt="2022-08-05T14:09:20.672" v="480" actId="13782"/>
        <pc:sldMkLst>
          <pc:docMk/>
          <pc:sldMk cId="689617398" sldId="270"/>
        </pc:sldMkLst>
        <pc:spChg chg="del mod">
          <ac:chgData name="Matias Vázquez Piñón" userId="2f86a967-3c9c-4a39-b538-7e6c0574d83d" providerId="ADAL" clId="{E66F4708-AD71-433F-AEB5-26C299B7498D}" dt="2022-08-05T14:07:22.409" v="474" actId="478"/>
          <ac:spMkLst>
            <pc:docMk/>
            <pc:sldMk cId="689617398" sldId="270"/>
            <ac:spMk id="3" creationId="{395E8958-B8F6-F183-EB5D-3D59388964CA}"/>
          </ac:spMkLst>
        </pc:spChg>
        <pc:spChg chg="add del mod">
          <ac:chgData name="Matias Vázquez Piñón" userId="2f86a967-3c9c-4a39-b538-7e6c0574d83d" providerId="ADAL" clId="{E66F4708-AD71-433F-AEB5-26C299B7498D}" dt="2022-08-05T14:07:54.516" v="475" actId="1032"/>
          <ac:spMkLst>
            <pc:docMk/>
            <pc:sldMk cId="689617398" sldId="270"/>
            <ac:spMk id="6" creationId="{9D7439E6-D458-E39F-6B6A-8617692CB745}"/>
          </ac:spMkLst>
        </pc:spChg>
        <pc:graphicFrameChg chg="add mod modGraphic">
          <ac:chgData name="Matias Vázquez Piñón" userId="2f86a967-3c9c-4a39-b538-7e6c0574d83d" providerId="ADAL" clId="{E66F4708-AD71-433F-AEB5-26C299B7498D}" dt="2022-08-05T14:09:20.672" v="480" actId="13782"/>
          <ac:graphicFrameMkLst>
            <pc:docMk/>
            <pc:sldMk cId="689617398" sldId="270"/>
            <ac:graphicFrameMk id="7" creationId="{5EE00DB1-BBE5-1859-DD66-BCB76CCF9313}"/>
          </ac:graphicFrameMkLst>
        </pc:graphicFrameChg>
      </pc:sldChg>
    </pc:docChg>
  </pc:docChgLst>
  <pc:docChgLst>
    <pc:chgData name="Matias Vázquez Piñón" userId="2f86a967-3c9c-4a39-b538-7e6c0574d83d" providerId="ADAL" clId="{04C2E176-223A-4BDB-A867-9D985E080045}"/>
    <pc:docChg chg="undo custSel addSld delSld modSld">
      <pc:chgData name="Matias Vázquez Piñón" userId="2f86a967-3c9c-4a39-b538-7e6c0574d83d" providerId="ADAL" clId="{04C2E176-223A-4BDB-A867-9D985E080045}" dt="2022-07-16T19:35:51.367" v="126" actId="20577"/>
      <pc:docMkLst>
        <pc:docMk/>
      </pc:docMkLst>
      <pc:sldChg chg="del">
        <pc:chgData name="Matias Vázquez Piñón" userId="2f86a967-3c9c-4a39-b538-7e6c0574d83d" providerId="ADAL" clId="{04C2E176-223A-4BDB-A867-9D985E080045}" dt="2022-07-16T19:29:59.978" v="2" actId="47"/>
        <pc:sldMkLst>
          <pc:docMk/>
          <pc:sldMk cId="1796381250" sldId="257"/>
        </pc:sldMkLst>
      </pc:sldChg>
      <pc:sldChg chg="del">
        <pc:chgData name="Matias Vázquez Piñón" userId="2f86a967-3c9c-4a39-b538-7e6c0574d83d" providerId="ADAL" clId="{04C2E176-223A-4BDB-A867-9D985E080045}" dt="2022-07-16T19:30:04.629" v="3" actId="47"/>
        <pc:sldMkLst>
          <pc:docMk/>
          <pc:sldMk cId="664987211" sldId="261"/>
        </pc:sldMkLst>
      </pc:sldChg>
      <pc:sldChg chg="modSp new mod">
        <pc:chgData name="Matias Vázquez Piñón" userId="2f86a967-3c9c-4a39-b538-7e6c0574d83d" providerId="ADAL" clId="{04C2E176-223A-4BDB-A867-9D985E080045}" dt="2022-07-16T19:35:38.193" v="122" actId="20577"/>
        <pc:sldMkLst>
          <pc:docMk/>
          <pc:sldMk cId="1723261739" sldId="261"/>
        </pc:sldMkLst>
        <pc:spChg chg="mod">
          <ac:chgData name="Matias Vázquez Piñón" userId="2f86a967-3c9c-4a39-b538-7e6c0574d83d" providerId="ADAL" clId="{04C2E176-223A-4BDB-A867-9D985E080045}" dt="2022-07-16T19:31:21.851" v="42" actId="20577"/>
          <ac:spMkLst>
            <pc:docMk/>
            <pc:sldMk cId="1723261739" sldId="261"/>
            <ac:spMk id="2" creationId="{F8614FAE-8AB7-E427-295C-6BC468EAA56A}"/>
          </ac:spMkLst>
        </pc:spChg>
        <pc:spChg chg="mod">
          <ac:chgData name="Matias Vázquez Piñón" userId="2f86a967-3c9c-4a39-b538-7e6c0574d83d" providerId="ADAL" clId="{04C2E176-223A-4BDB-A867-9D985E080045}" dt="2022-07-16T19:35:38.193" v="122" actId="20577"/>
          <ac:spMkLst>
            <pc:docMk/>
            <pc:sldMk cId="1723261739" sldId="261"/>
            <ac:spMk id="3" creationId="{B255391B-B89B-B282-653E-4CF35ECC3CAA}"/>
          </ac:spMkLst>
        </pc:spChg>
      </pc:sldChg>
      <pc:sldChg chg="del">
        <pc:chgData name="Matias Vázquez Piñón" userId="2f86a967-3c9c-4a39-b538-7e6c0574d83d" providerId="ADAL" clId="{04C2E176-223A-4BDB-A867-9D985E080045}" dt="2022-07-16T19:30:04.629" v="3" actId="47"/>
        <pc:sldMkLst>
          <pc:docMk/>
          <pc:sldMk cId="1944785628" sldId="262"/>
        </pc:sldMkLst>
      </pc:sldChg>
      <pc:sldChg chg="addSp delSp modSp new mod">
        <pc:chgData name="Matias Vázquez Piñón" userId="2f86a967-3c9c-4a39-b538-7e6c0574d83d" providerId="ADAL" clId="{04C2E176-223A-4BDB-A867-9D985E080045}" dt="2022-07-16T19:35:51.367" v="126" actId="20577"/>
        <pc:sldMkLst>
          <pc:docMk/>
          <pc:sldMk cId="2909685466" sldId="262"/>
        </pc:sldMkLst>
        <pc:spChg chg="mod">
          <ac:chgData name="Matias Vázquez Piñón" userId="2f86a967-3c9c-4a39-b538-7e6c0574d83d" providerId="ADAL" clId="{04C2E176-223A-4BDB-A867-9D985E080045}" dt="2022-07-16T19:31:47.201" v="47"/>
          <ac:spMkLst>
            <pc:docMk/>
            <pc:sldMk cId="2909685466" sldId="262"/>
            <ac:spMk id="2" creationId="{1C0182E0-33E4-7D1F-71D9-2E77E4A8F623}"/>
          </ac:spMkLst>
        </pc:spChg>
        <pc:spChg chg="mod">
          <ac:chgData name="Matias Vázquez Piñón" userId="2f86a967-3c9c-4a39-b538-7e6c0574d83d" providerId="ADAL" clId="{04C2E176-223A-4BDB-A867-9D985E080045}" dt="2022-07-16T19:35:51.367" v="126" actId="20577"/>
          <ac:spMkLst>
            <pc:docMk/>
            <pc:sldMk cId="2909685466" sldId="262"/>
            <ac:spMk id="3" creationId="{8352DD1E-D324-6BA3-7C96-D3C0E9B51B76}"/>
          </ac:spMkLst>
        </pc:spChg>
        <pc:spChg chg="add del">
          <ac:chgData name="Matias Vázquez Piñón" userId="2f86a967-3c9c-4a39-b538-7e6c0574d83d" providerId="ADAL" clId="{04C2E176-223A-4BDB-A867-9D985E080045}" dt="2022-07-16T19:30:38.005" v="8" actId="22"/>
          <ac:spMkLst>
            <pc:docMk/>
            <pc:sldMk cId="2909685466" sldId="262"/>
            <ac:spMk id="7" creationId="{E20D2CC1-A3CB-918D-B455-F22E9C0631C9}"/>
          </ac:spMkLst>
        </pc:spChg>
      </pc:sldChg>
      <pc:sldChg chg="del">
        <pc:chgData name="Matias Vázquez Piñón" userId="2f86a967-3c9c-4a39-b538-7e6c0574d83d" providerId="ADAL" clId="{04C2E176-223A-4BDB-A867-9D985E080045}" dt="2022-07-16T19:30:04.629" v="3" actId="47"/>
        <pc:sldMkLst>
          <pc:docMk/>
          <pc:sldMk cId="3555532551" sldId="263"/>
        </pc:sldMkLst>
      </pc:sldChg>
      <pc:sldChg chg="del">
        <pc:chgData name="Matias Vázquez Piñón" userId="2f86a967-3c9c-4a39-b538-7e6c0574d83d" providerId="ADAL" clId="{04C2E176-223A-4BDB-A867-9D985E080045}" dt="2022-07-16T19:30:04.629" v="3" actId="47"/>
        <pc:sldMkLst>
          <pc:docMk/>
          <pc:sldMk cId="2322098846" sldId="264"/>
        </pc:sldMkLst>
      </pc:sldChg>
      <pc:sldChg chg="del">
        <pc:chgData name="Matias Vázquez Piñón" userId="2f86a967-3c9c-4a39-b538-7e6c0574d83d" providerId="ADAL" clId="{04C2E176-223A-4BDB-A867-9D985E080045}" dt="2022-07-16T19:29:59.949" v="1" actId="47"/>
        <pc:sldMkLst>
          <pc:docMk/>
          <pc:sldMk cId="500531860" sldId="265"/>
        </pc:sldMkLst>
      </pc:sldChg>
      <pc:sldChg chg="del">
        <pc:chgData name="Matias Vázquez Piñón" userId="2f86a967-3c9c-4a39-b538-7e6c0574d83d" providerId="ADAL" clId="{04C2E176-223A-4BDB-A867-9D985E080045}" dt="2022-07-16T19:30:04.629" v="3" actId="47"/>
        <pc:sldMkLst>
          <pc:docMk/>
          <pc:sldMk cId="3675564955" sldId="266"/>
        </pc:sldMkLst>
      </pc:sldChg>
      <pc:sldChg chg="del">
        <pc:chgData name="Matias Vázquez Piñón" userId="2f86a967-3c9c-4a39-b538-7e6c0574d83d" providerId="ADAL" clId="{04C2E176-223A-4BDB-A867-9D985E080045}" dt="2022-07-16T19:30:04.629" v="3" actId="47"/>
        <pc:sldMkLst>
          <pc:docMk/>
          <pc:sldMk cId="602807936" sldId="267"/>
        </pc:sldMkLst>
      </pc:sldChg>
      <pc:sldChg chg="del">
        <pc:chgData name="Matias Vázquez Piñón" userId="2f86a967-3c9c-4a39-b538-7e6c0574d83d" providerId="ADAL" clId="{04C2E176-223A-4BDB-A867-9D985E080045}" dt="2022-07-16T19:30:04.629" v="3" actId="47"/>
        <pc:sldMkLst>
          <pc:docMk/>
          <pc:sldMk cId="3400879532" sldId="268"/>
        </pc:sldMkLst>
      </pc:sldChg>
      <pc:sldChg chg="del">
        <pc:chgData name="Matias Vázquez Piñón" userId="2f86a967-3c9c-4a39-b538-7e6c0574d83d" providerId="ADAL" clId="{04C2E176-223A-4BDB-A867-9D985E080045}" dt="2022-07-16T19:30:04.629" v="3" actId="47"/>
        <pc:sldMkLst>
          <pc:docMk/>
          <pc:sldMk cId="3165531455" sldId="269"/>
        </pc:sldMkLst>
      </pc:sldChg>
      <pc:sldChg chg="del">
        <pc:chgData name="Matias Vázquez Piñón" userId="2f86a967-3c9c-4a39-b538-7e6c0574d83d" providerId="ADAL" clId="{04C2E176-223A-4BDB-A867-9D985E080045}" dt="2022-07-16T19:30:04.629" v="3" actId="47"/>
        <pc:sldMkLst>
          <pc:docMk/>
          <pc:sldMk cId="4285240144" sldId="270"/>
        </pc:sldMkLst>
      </pc:sldChg>
      <pc:sldChg chg="del">
        <pc:chgData name="Matias Vázquez Piñón" userId="2f86a967-3c9c-4a39-b538-7e6c0574d83d" providerId="ADAL" clId="{04C2E176-223A-4BDB-A867-9D985E080045}" dt="2022-07-16T19:29:59.454" v="0" actId="47"/>
        <pc:sldMkLst>
          <pc:docMk/>
          <pc:sldMk cId="2899067089" sldId="271"/>
        </pc:sldMkLst>
      </pc:sldChg>
      <pc:sldChg chg="del">
        <pc:chgData name="Matias Vázquez Piñón" userId="2f86a967-3c9c-4a39-b538-7e6c0574d83d" providerId="ADAL" clId="{04C2E176-223A-4BDB-A867-9D985E080045}" dt="2022-07-16T19:30:04.629" v="3" actId="47"/>
        <pc:sldMkLst>
          <pc:docMk/>
          <pc:sldMk cId="2588015621" sldId="272"/>
        </pc:sldMkLst>
      </pc:sldChg>
      <pc:sldChg chg="del">
        <pc:chgData name="Matias Vázquez Piñón" userId="2f86a967-3c9c-4a39-b538-7e6c0574d83d" providerId="ADAL" clId="{04C2E176-223A-4BDB-A867-9D985E080045}" dt="2022-07-16T19:30:04.629" v="3" actId="47"/>
        <pc:sldMkLst>
          <pc:docMk/>
          <pc:sldMk cId="2168727543" sldId="273"/>
        </pc:sldMkLst>
      </pc:sldChg>
      <pc:sldChg chg="del">
        <pc:chgData name="Matias Vázquez Piñón" userId="2f86a967-3c9c-4a39-b538-7e6c0574d83d" providerId="ADAL" clId="{04C2E176-223A-4BDB-A867-9D985E080045}" dt="2022-07-16T19:30:04.629" v="3" actId="47"/>
        <pc:sldMkLst>
          <pc:docMk/>
          <pc:sldMk cId="358722331" sldId="274"/>
        </pc:sldMkLst>
      </pc:sldChg>
      <pc:sldChg chg="del">
        <pc:chgData name="Matias Vázquez Piñón" userId="2f86a967-3c9c-4a39-b538-7e6c0574d83d" providerId="ADAL" clId="{04C2E176-223A-4BDB-A867-9D985E080045}" dt="2022-07-16T19:30:04.629" v="3" actId="47"/>
        <pc:sldMkLst>
          <pc:docMk/>
          <pc:sldMk cId="2652427712" sldId="275"/>
        </pc:sldMkLst>
      </pc:sldChg>
    </pc:docChg>
  </pc:docChgLst>
</pc:chgInfo>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D5435BFF-7BB3-4611-83F0-6E002D53F5D5}" type="doc">
      <dgm:prSet loTypeId="urn:microsoft.com/office/officeart/2005/8/layout/default" loCatId="list" qsTypeId="urn:microsoft.com/office/officeart/2005/8/quickstyle/simple1" qsCatId="simple" csTypeId="urn:microsoft.com/office/officeart/2005/8/colors/colorful1" csCatId="colorful" phldr="1"/>
      <dgm:spPr/>
      <dgm:t>
        <a:bodyPr/>
        <a:lstStyle/>
        <a:p>
          <a:endParaRPr lang="en-US"/>
        </a:p>
      </dgm:t>
    </dgm:pt>
    <dgm:pt modelId="{1094E383-7803-40A6-8A81-09AA6DAA22E6}">
      <dgm:prSet phldrT="[Text]"/>
      <dgm:spPr/>
      <dgm:t>
        <a:bodyPr/>
        <a:lstStyle/>
        <a:p>
          <a:r>
            <a:rPr lang="en-US" dirty="0"/>
            <a:t>BYTE-ORIENTED FILE REGISTER INSTRUCTIONS</a:t>
          </a:r>
        </a:p>
      </dgm:t>
    </dgm:pt>
    <dgm:pt modelId="{44507C8E-CA03-4088-9C29-35B8AA6453AF}" type="parTrans" cxnId="{3E4C9CE7-29AC-4619-A20A-2881F8DBC1D7}">
      <dgm:prSet/>
      <dgm:spPr/>
      <dgm:t>
        <a:bodyPr/>
        <a:lstStyle/>
        <a:p>
          <a:endParaRPr lang="en-US"/>
        </a:p>
      </dgm:t>
    </dgm:pt>
    <dgm:pt modelId="{0C1C38C3-4CCD-4567-9472-8BD0D006610D}" type="sibTrans" cxnId="{3E4C9CE7-29AC-4619-A20A-2881F8DBC1D7}">
      <dgm:prSet/>
      <dgm:spPr/>
      <dgm:t>
        <a:bodyPr/>
        <a:lstStyle/>
        <a:p>
          <a:endParaRPr lang="en-US"/>
        </a:p>
      </dgm:t>
    </dgm:pt>
    <dgm:pt modelId="{75022E10-057A-4803-9C92-5B2D96C21C75}">
      <dgm:prSet/>
      <dgm:spPr/>
      <dgm:t>
        <a:bodyPr/>
        <a:lstStyle/>
        <a:p>
          <a:r>
            <a:rPr lang="en-US"/>
            <a:t>BYTE-ORIENTED SKIP INSTRUCTIONS</a:t>
          </a:r>
          <a:endParaRPr lang="en-US" dirty="0"/>
        </a:p>
      </dgm:t>
    </dgm:pt>
    <dgm:pt modelId="{95D55EDA-60B3-4695-BE96-EE013AE0E372}" type="parTrans" cxnId="{E5AA41F1-0875-47C2-8A24-582189CC9E52}">
      <dgm:prSet/>
      <dgm:spPr/>
      <dgm:t>
        <a:bodyPr/>
        <a:lstStyle/>
        <a:p>
          <a:endParaRPr lang="en-US"/>
        </a:p>
      </dgm:t>
    </dgm:pt>
    <dgm:pt modelId="{2F11D236-4241-43FA-8857-90B712725023}" type="sibTrans" cxnId="{E5AA41F1-0875-47C2-8A24-582189CC9E52}">
      <dgm:prSet/>
      <dgm:spPr/>
      <dgm:t>
        <a:bodyPr/>
        <a:lstStyle/>
        <a:p>
          <a:endParaRPr lang="en-US"/>
        </a:p>
      </dgm:t>
    </dgm:pt>
    <dgm:pt modelId="{CA88B65D-CB84-4EDD-96D9-DE57F407E93C}">
      <dgm:prSet/>
      <dgm:spPr/>
      <dgm:t>
        <a:bodyPr/>
        <a:lstStyle/>
        <a:p>
          <a:r>
            <a:rPr lang="en-US"/>
            <a:t>BIT-ORIENTED FILE REGISTER INSTRUCTIONS</a:t>
          </a:r>
          <a:endParaRPr lang="en-US" dirty="0"/>
        </a:p>
      </dgm:t>
    </dgm:pt>
    <dgm:pt modelId="{F3ACD87B-EC0A-4245-8ABB-E37D0CD46B75}" type="parTrans" cxnId="{DC8EAE36-320F-46E8-A507-BD0C5F780692}">
      <dgm:prSet/>
      <dgm:spPr/>
      <dgm:t>
        <a:bodyPr/>
        <a:lstStyle/>
        <a:p>
          <a:endParaRPr lang="en-US"/>
        </a:p>
      </dgm:t>
    </dgm:pt>
    <dgm:pt modelId="{A3E74C12-225F-40CE-B8C5-497B3E6102FD}" type="sibTrans" cxnId="{DC8EAE36-320F-46E8-A507-BD0C5F780692}">
      <dgm:prSet/>
      <dgm:spPr/>
      <dgm:t>
        <a:bodyPr/>
        <a:lstStyle/>
        <a:p>
          <a:endParaRPr lang="en-US"/>
        </a:p>
      </dgm:t>
    </dgm:pt>
    <dgm:pt modelId="{586E82AE-358A-4C68-A43C-1688A7CD9FA9}">
      <dgm:prSet/>
      <dgm:spPr/>
      <dgm:t>
        <a:bodyPr/>
        <a:lstStyle/>
        <a:p>
          <a:r>
            <a:rPr lang="en-US"/>
            <a:t>BIT-ORIENTED SKIP INSTRUCTIONS</a:t>
          </a:r>
          <a:endParaRPr lang="en-US" dirty="0"/>
        </a:p>
      </dgm:t>
    </dgm:pt>
    <dgm:pt modelId="{8D44F8E4-850D-485C-B0BE-42B228966B80}" type="parTrans" cxnId="{BE672F18-924B-47E0-9CF3-2A23EA0BC030}">
      <dgm:prSet/>
      <dgm:spPr/>
      <dgm:t>
        <a:bodyPr/>
        <a:lstStyle/>
        <a:p>
          <a:endParaRPr lang="en-US"/>
        </a:p>
      </dgm:t>
    </dgm:pt>
    <dgm:pt modelId="{C0E4FE81-F44D-4AEB-8A05-B0258CCF7D6D}" type="sibTrans" cxnId="{BE672F18-924B-47E0-9CF3-2A23EA0BC030}">
      <dgm:prSet/>
      <dgm:spPr/>
      <dgm:t>
        <a:bodyPr/>
        <a:lstStyle/>
        <a:p>
          <a:endParaRPr lang="en-US"/>
        </a:p>
      </dgm:t>
    </dgm:pt>
    <dgm:pt modelId="{BC0F11A7-2F62-49F2-A723-57BF10531B04}">
      <dgm:prSet/>
      <dgm:spPr/>
      <dgm:t>
        <a:bodyPr/>
        <a:lstStyle/>
        <a:p>
          <a:r>
            <a:rPr lang="en-US"/>
            <a:t>CONTROL INSTRUCTIONS</a:t>
          </a:r>
          <a:endParaRPr lang="en-US" dirty="0"/>
        </a:p>
      </dgm:t>
    </dgm:pt>
    <dgm:pt modelId="{5ED05D70-A101-4517-9017-11AA49584A88}" type="parTrans" cxnId="{666EB76B-05B6-4EA0-9034-E520FBB7BF71}">
      <dgm:prSet/>
      <dgm:spPr/>
      <dgm:t>
        <a:bodyPr/>
        <a:lstStyle/>
        <a:p>
          <a:endParaRPr lang="en-US"/>
        </a:p>
      </dgm:t>
    </dgm:pt>
    <dgm:pt modelId="{936FC306-4B21-49AC-B8FB-61E39F66E2D1}" type="sibTrans" cxnId="{666EB76B-05B6-4EA0-9034-E520FBB7BF71}">
      <dgm:prSet/>
      <dgm:spPr/>
      <dgm:t>
        <a:bodyPr/>
        <a:lstStyle/>
        <a:p>
          <a:endParaRPr lang="en-US"/>
        </a:p>
      </dgm:t>
    </dgm:pt>
    <dgm:pt modelId="{0DFB887B-F610-4838-B441-ACC3877FB2EF}">
      <dgm:prSet/>
      <dgm:spPr/>
      <dgm:t>
        <a:bodyPr/>
        <a:lstStyle/>
        <a:p>
          <a:r>
            <a:rPr lang="en-US"/>
            <a:t>INHERENT INSTRUCTIONS</a:t>
          </a:r>
          <a:endParaRPr lang="en-US" dirty="0"/>
        </a:p>
      </dgm:t>
    </dgm:pt>
    <dgm:pt modelId="{D649ECEF-8777-436E-AEBA-A331A00C9FD0}" type="parTrans" cxnId="{EAF05137-A7FD-413F-A73A-B6E064CFA5E2}">
      <dgm:prSet/>
      <dgm:spPr/>
      <dgm:t>
        <a:bodyPr/>
        <a:lstStyle/>
        <a:p>
          <a:endParaRPr lang="en-US"/>
        </a:p>
      </dgm:t>
    </dgm:pt>
    <dgm:pt modelId="{97329A53-5B9F-4F1F-A47B-0990486F54CA}" type="sibTrans" cxnId="{EAF05137-A7FD-413F-A73A-B6E064CFA5E2}">
      <dgm:prSet/>
      <dgm:spPr/>
      <dgm:t>
        <a:bodyPr/>
        <a:lstStyle/>
        <a:p>
          <a:endParaRPr lang="en-US"/>
        </a:p>
      </dgm:t>
    </dgm:pt>
    <dgm:pt modelId="{86000502-C98F-41A6-B117-C4E8D72F56B8}">
      <dgm:prSet/>
      <dgm:spPr/>
      <dgm:t>
        <a:bodyPr/>
        <a:lstStyle/>
        <a:p>
          <a:r>
            <a:rPr lang="en-US"/>
            <a:t>LITERAL INSTRUCTIONS</a:t>
          </a:r>
          <a:endParaRPr lang="en-US" dirty="0"/>
        </a:p>
      </dgm:t>
    </dgm:pt>
    <dgm:pt modelId="{2B8C372F-B257-4B30-BDEE-274155EF7FDD}" type="parTrans" cxnId="{23938D59-F505-46D1-A076-384D8A235F16}">
      <dgm:prSet/>
      <dgm:spPr/>
      <dgm:t>
        <a:bodyPr/>
        <a:lstStyle/>
        <a:p>
          <a:endParaRPr lang="en-US"/>
        </a:p>
      </dgm:t>
    </dgm:pt>
    <dgm:pt modelId="{234CD483-9604-49F6-855D-B38AD02A3B75}" type="sibTrans" cxnId="{23938D59-F505-46D1-A076-384D8A235F16}">
      <dgm:prSet/>
      <dgm:spPr/>
      <dgm:t>
        <a:bodyPr/>
        <a:lstStyle/>
        <a:p>
          <a:endParaRPr lang="en-US"/>
        </a:p>
      </dgm:t>
    </dgm:pt>
    <dgm:pt modelId="{92883568-4365-4BFB-A183-438DB6EB2453}">
      <dgm:prSet/>
      <dgm:spPr/>
      <dgm:t>
        <a:bodyPr/>
        <a:lstStyle/>
        <a:p>
          <a:r>
            <a:rPr lang="en-US"/>
            <a:t>DATA MEMORY – PROGRAM MEMORY INSTRUCTIONS</a:t>
          </a:r>
          <a:endParaRPr lang="en-US" dirty="0"/>
        </a:p>
      </dgm:t>
    </dgm:pt>
    <dgm:pt modelId="{AF65ED90-9A6E-4477-A09C-CCCE6D5C53C9}" type="parTrans" cxnId="{ABC800D6-D3BA-4C58-A73F-D519BC7E22D5}">
      <dgm:prSet/>
      <dgm:spPr/>
      <dgm:t>
        <a:bodyPr/>
        <a:lstStyle/>
        <a:p>
          <a:endParaRPr lang="en-US"/>
        </a:p>
      </dgm:t>
    </dgm:pt>
    <dgm:pt modelId="{643DF95D-8800-4ACD-B462-75171A218B35}" type="sibTrans" cxnId="{ABC800D6-D3BA-4C58-A73F-D519BC7E22D5}">
      <dgm:prSet/>
      <dgm:spPr/>
      <dgm:t>
        <a:bodyPr/>
        <a:lstStyle/>
        <a:p>
          <a:endParaRPr lang="en-US"/>
        </a:p>
      </dgm:t>
    </dgm:pt>
    <dgm:pt modelId="{8D1B6272-A135-4FE0-AB28-28775F93720F}" type="pres">
      <dgm:prSet presAssocID="{D5435BFF-7BB3-4611-83F0-6E002D53F5D5}" presName="diagram" presStyleCnt="0">
        <dgm:presLayoutVars>
          <dgm:dir/>
          <dgm:resizeHandles val="exact"/>
        </dgm:presLayoutVars>
      </dgm:prSet>
      <dgm:spPr/>
    </dgm:pt>
    <dgm:pt modelId="{07CB2002-7FC7-4989-89C1-4BFDFF49CA8A}" type="pres">
      <dgm:prSet presAssocID="{1094E383-7803-40A6-8A81-09AA6DAA22E6}" presName="node" presStyleLbl="node1" presStyleIdx="0" presStyleCnt="8">
        <dgm:presLayoutVars>
          <dgm:bulletEnabled val="1"/>
        </dgm:presLayoutVars>
      </dgm:prSet>
      <dgm:spPr/>
    </dgm:pt>
    <dgm:pt modelId="{44040CA7-B145-4A2B-8561-E32B4536E1B5}" type="pres">
      <dgm:prSet presAssocID="{0C1C38C3-4CCD-4567-9472-8BD0D006610D}" presName="sibTrans" presStyleCnt="0"/>
      <dgm:spPr/>
    </dgm:pt>
    <dgm:pt modelId="{02C55D0A-6B69-4468-98FF-911C592E432B}" type="pres">
      <dgm:prSet presAssocID="{75022E10-057A-4803-9C92-5B2D96C21C75}" presName="node" presStyleLbl="node1" presStyleIdx="1" presStyleCnt="8">
        <dgm:presLayoutVars>
          <dgm:bulletEnabled val="1"/>
        </dgm:presLayoutVars>
      </dgm:prSet>
      <dgm:spPr/>
    </dgm:pt>
    <dgm:pt modelId="{7A1472F9-7F68-4F76-9FD4-91FABC7DE4AD}" type="pres">
      <dgm:prSet presAssocID="{2F11D236-4241-43FA-8857-90B712725023}" presName="sibTrans" presStyleCnt="0"/>
      <dgm:spPr/>
    </dgm:pt>
    <dgm:pt modelId="{73B787C1-596F-4BDB-9EE8-F46A906BE190}" type="pres">
      <dgm:prSet presAssocID="{CA88B65D-CB84-4EDD-96D9-DE57F407E93C}" presName="node" presStyleLbl="node1" presStyleIdx="2" presStyleCnt="8">
        <dgm:presLayoutVars>
          <dgm:bulletEnabled val="1"/>
        </dgm:presLayoutVars>
      </dgm:prSet>
      <dgm:spPr/>
    </dgm:pt>
    <dgm:pt modelId="{80F09BE9-2AAC-45CE-8D91-7FCDB7A837A5}" type="pres">
      <dgm:prSet presAssocID="{A3E74C12-225F-40CE-B8C5-497B3E6102FD}" presName="sibTrans" presStyleCnt="0"/>
      <dgm:spPr/>
    </dgm:pt>
    <dgm:pt modelId="{89D9106B-784F-49E6-B0EF-04729126B757}" type="pres">
      <dgm:prSet presAssocID="{586E82AE-358A-4C68-A43C-1688A7CD9FA9}" presName="node" presStyleLbl="node1" presStyleIdx="3" presStyleCnt="8">
        <dgm:presLayoutVars>
          <dgm:bulletEnabled val="1"/>
        </dgm:presLayoutVars>
      </dgm:prSet>
      <dgm:spPr/>
    </dgm:pt>
    <dgm:pt modelId="{B0E98C93-3BD9-4BA7-BDC0-E926B3D51C83}" type="pres">
      <dgm:prSet presAssocID="{C0E4FE81-F44D-4AEB-8A05-B0258CCF7D6D}" presName="sibTrans" presStyleCnt="0"/>
      <dgm:spPr/>
    </dgm:pt>
    <dgm:pt modelId="{7BD20E03-6C85-4BB9-9609-1D8C0689BFD3}" type="pres">
      <dgm:prSet presAssocID="{BC0F11A7-2F62-49F2-A723-57BF10531B04}" presName="node" presStyleLbl="node1" presStyleIdx="4" presStyleCnt="8">
        <dgm:presLayoutVars>
          <dgm:bulletEnabled val="1"/>
        </dgm:presLayoutVars>
      </dgm:prSet>
      <dgm:spPr/>
    </dgm:pt>
    <dgm:pt modelId="{DF176BED-98A9-4CFB-9649-ED20F7BA5CA2}" type="pres">
      <dgm:prSet presAssocID="{936FC306-4B21-49AC-B8FB-61E39F66E2D1}" presName="sibTrans" presStyleCnt="0"/>
      <dgm:spPr/>
    </dgm:pt>
    <dgm:pt modelId="{E0D5666B-0C5C-43E8-BFA5-37DB43B67081}" type="pres">
      <dgm:prSet presAssocID="{0DFB887B-F610-4838-B441-ACC3877FB2EF}" presName="node" presStyleLbl="node1" presStyleIdx="5" presStyleCnt="8">
        <dgm:presLayoutVars>
          <dgm:bulletEnabled val="1"/>
        </dgm:presLayoutVars>
      </dgm:prSet>
      <dgm:spPr/>
    </dgm:pt>
    <dgm:pt modelId="{21C16707-D0FD-4D2C-A6D4-14181FE6C029}" type="pres">
      <dgm:prSet presAssocID="{97329A53-5B9F-4F1F-A47B-0990486F54CA}" presName="sibTrans" presStyleCnt="0"/>
      <dgm:spPr/>
    </dgm:pt>
    <dgm:pt modelId="{8E321412-D8D9-43DB-B333-10805987BC47}" type="pres">
      <dgm:prSet presAssocID="{86000502-C98F-41A6-B117-C4E8D72F56B8}" presName="node" presStyleLbl="node1" presStyleIdx="6" presStyleCnt="8">
        <dgm:presLayoutVars>
          <dgm:bulletEnabled val="1"/>
        </dgm:presLayoutVars>
      </dgm:prSet>
      <dgm:spPr/>
    </dgm:pt>
    <dgm:pt modelId="{9265B0CA-1BF0-4E28-82A0-0FA324019D7C}" type="pres">
      <dgm:prSet presAssocID="{234CD483-9604-49F6-855D-B38AD02A3B75}" presName="sibTrans" presStyleCnt="0"/>
      <dgm:spPr/>
    </dgm:pt>
    <dgm:pt modelId="{3342C928-16BB-4DA7-A92B-833D62B0B85D}" type="pres">
      <dgm:prSet presAssocID="{92883568-4365-4BFB-A183-438DB6EB2453}" presName="node" presStyleLbl="node1" presStyleIdx="7" presStyleCnt="8">
        <dgm:presLayoutVars>
          <dgm:bulletEnabled val="1"/>
        </dgm:presLayoutVars>
      </dgm:prSet>
      <dgm:spPr/>
    </dgm:pt>
  </dgm:ptLst>
  <dgm:cxnLst>
    <dgm:cxn modelId="{F8236D14-8C98-4AD2-8BF6-55B59E1876A8}" type="presOf" srcId="{86000502-C98F-41A6-B117-C4E8D72F56B8}" destId="{8E321412-D8D9-43DB-B333-10805987BC47}" srcOrd="0" destOrd="0" presId="urn:microsoft.com/office/officeart/2005/8/layout/default"/>
    <dgm:cxn modelId="{E989DB15-87C4-46A1-A555-C3C90291D251}" type="presOf" srcId="{D5435BFF-7BB3-4611-83F0-6E002D53F5D5}" destId="{8D1B6272-A135-4FE0-AB28-28775F93720F}" srcOrd="0" destOrd="0" presId="urn:microsoft.com/office/officeart/2005/8/layout/default"/>
    <dgm:cxn modelId="{BE672F18-924B-47E0-9CF3-2A23EA0BC030}" srcId="{D5435BFF-7BB3-4611-83F0-6E002D53F5D5}" destId="{586E82AE-358A-4C68-A43C-1688A7CD9FA9}" srcOrd="3" destOrd="0" parTransId="{8D44F8E4-850D-485C-B0BE-42B228966B80}" sibTransId="{C0E4FE81-F44D-4AEB-8A05-B0258CCF7D6D}"/>
    <dgm:cxn modelId="{DC8EAE36-320F-46E8-A507-BD0C5F780692}" srcId="{D5435BFF-7BB3-4611-83F0-6E002D53F5D5}" destId="{CA88B65D-CB84-4EDD-96D9-DE57F407E93C}" srcOrd="2" destOrd="0" parTransId="{F3ACD87B-EC0A-4245-8ABB-E37D0CD46B75}" sibTransId="{A3E74C12-225F-40CE-B8C5-497B3E6102FD}"/>
    <dgm:cxn modelId="{EAF05137-A7FD-413F-A73A-B6E064CFA5E2}" srcId="{D5435BFF-7BB3-4611-83F0-6E002D53F5D5}" destId="{0DFB887B-F610-4838-B441-ACC3877FB2EF}" srcOrd="5" destOrd="0" parTransId="{D649ECEF-8777-436E-AEBA-A331A00C9FD0}" sibTransId="{97329A53-5B9F-4F1F-A47B-0990486F54CA}"/>
    <dgm:cxn modelId="{1617F764-14D4-4E20-8FAC-364C1AF92EF8}" type="presOf" srcId="{75022E10-057A-4803-9C92-5B2D96C21C75}" destId="{02C55D0A-6B69-4468-98FF-911C592E432B}" srcOrd="0" destOrd="0" presId="urn:microsoft.com/office/officeart/2005/8/layout/default"/>
    <dgm:cxn modelId="{666EB76B-05B6-4EA0-9034-E520FBB7BF71}" srcId="{D5435BFF-7BB3-4611-83F0-6E002D53F5D5}" destId="{BC0F11A7-2F62-49F2-A723-57BF10531B04}" srcOrd="4" destOrd="0" parTransId="{5ED05D70-A101-4517-9017-11AA49584A88}" sibTransId="{936FC306-4B21-49AC-B8FB-61E39F66E2D1}"/>
    <dgm:cxn modelId="{4158094C-3AE4-4290-9C5B-5A8AAD63C5DA}" type="presOf" srcId="{CA88B65D-CB84-4EDD-96D9-DE57F407E93C}" destId="{73B787C1-596F-4BDB-9EE8-F46A906BE190}" srcOrd="0" destOrd="0" presId="urn:microsoft.com/office/officeart/2005/8/layout/default"/>
    <dgm:cxn modelId="{F015C44C-79B2-4556-A3C8-39F5A25C8A70}" type="presOf" srcId="{0DFB887B-F610-4838-B441-ACC3877FB2EF}" destId="{E0D5666B-0C5C-43E8-BFA5-37DB43B67081}" srcOrd="0" destOrd="0" presId="urn:microsoft.com/office/officeart/2005/8/layout/default"/>
    <dgm:cxn modelId="{23938D59-F505-46D1-A076-384D8A235F16}" srcId="{D5435BFF-7BB3-4611-83F0-6E002D53F5D5}" destId="{86000502-C98F-41A6-B117-C4E8D72F56B8}" srcOrd="6" destOrd="0" parTransId="{2B8C372F-B257-4B30-BDEE-274155EF7FDD}" sibTransId="{234CD483-9604-49F6-855D-B38AD02A3B75}"/>
    <dgm:cxn modelId="{E67C9C85-14BC-465D-8A36-8C93D6670B40}" type="presOf" srcId="{586E82AE-358A-4C68-A43C-1688A7CD9FA9}" destId="{89D9106B-784F-49E6-B0EF-04729126B757}" srcOrd="0" destOrd="0" presId="urn:microsoft.com/office/officeart/2005/8/layout/default"/>
    <dgm:cxn modelId="{32BFA388-805F-4393-A7EE-0D25C9B12465}" type="presOf" srcId="{BC0F11A7-2F62-49F2-A723-57BF10531B04}" destId="{7BD20E03-6C85-4BB9-9609-1D8C0689BFD3}" srcOrd="0" destOrd="0" presId="urn:microsoft.com/office/officeart/2005/8/layout/default"/>
    <dgm:cxn modelId="{ABC800D6-D3BA-4C58-A73F-D519BC7E22D5}" srcId="{D5435BFF-7BB3-4611-83F0-6E002D53F5D5}" destId="{92883568-4365-4BFB-A183-438DB6EB2453}" srcOrd="7" destOrd="0" parTransId="{AF65ED90-9A6E-4477-A09C-CCCE6D5C53C9}" sibTransId="{643DF95D-8800-4ACD-B462-75171A218B35}"/>
    <dgm:cxn modelId="{3E4C9CE7-29AC-4619-A20A-2881F8DBC1D7}" srcId="{D5435BFF-7BB3-4611-83F0-6E002D53F5D5}" destId="{1094E383-7803-40A6-8A81-09AA6DAA22E6}" srcOrd="0" destOrd="0" parTransId="{44507C8E-CA03-4088-9C29-35B8AA6453AF}" sibTransId="{0C1C38C3-4CCD-4567-9472-8BD0D006610D}"/>
    <dgm:cxn modelId="{8B564CEF-675C-4787-8CB5-34F86E43F1E2}" type="presOf" srcId="{1094E383-7803-40A6-8A81-09AA6DAA22E6}" destId="{07CB2002-7FC7-4989-89C1-4BFDFF49CA8A}" srcOrd="0" destOrd="0" presId="urn:microsoft.com/office/officeart/2005/8/layout/default"/>
    <dgm:cxn modelId="{E5AA41F1-0875-47C2-8A24-582189CC9E52}" srcId="{D5435BFF-7BB3-4611-83F0-6E002D53F5D5}" destId="{75022E10-057A-4803-9C92-5B2D96C21C75}" srcOrd="1" destOrd="0" parTransId="{95D55EDA-60B3-4695-BE96-EE013AE0E372}" sibTransId="{2F11D236-4241-43FA-8857-90B712725023}"/>
    <dgm:cxn modelId="{9BF062F9-0C4E-4DE6-858A-8903114A63F4}" type="presOf" srcId="{92883568-4365-4BFB-A183-438DB6EB2453}" destId="{3342C928-16BB-4DA7-A92B-833D62B0B85D}" srcOrd="0" destOrd="0" presId="urn:microsoft.com/office/officeart/2005/8/layout/default"/>
    <dgm:cxn modelId="{3B3CB9EC-89C3-4711-A85E-7E7F96C68590}" type="presParOf" srcId="{8D1B6272-A135-4FE0-AB28-28775F93720F}" destId="{07CB2002-7FC7-4989-89C1-4BFDFF49CA8A}" srcOrd="0" destOrd="0" presId="urn:microsoft.com/office/officeart/2005/8/layout/default"/>
    <dgm:cxn modelId="{C375391B-6174-4070-98E2-C2129AA3F389}" type="presParOf" srcId="{8D1B6272-A135-4FE0-AB28-28775F93720F}" destId="{44040CA7-B145-4A2B-8561-E32B4536E1B5}" srcOrd="1" destOrd="0" presId="urn:microsoft.com/office/officeart/2005/8/layout/default"/>
    <dgm:cxn modelId="{2F9036D7-FD0C-483B-BCCD-1642FB62BADD}" type="presParOf" srcId="{8D1B6272-A135-4FE0-AB28-28775F93720F}" destId="{02C55D0A-6B69-4468-98FF-911C592E432B}" srcOrd="2" destOrd="0" presId="urn:microsoft.com/office/officeart/2005/8/layout/default"/>
    <dgm:cxn modelId="{E1F0AD5F-FE0D-4CE0-BF26-4BF1B3916EC2}" type="presParOf" srcId="{8D1B6272-A135-4FE0-AB28-28775F93720F}" destId="{7A1472F9-7F68-4F76-9FD4-91FABC7DE4AD}" srcOrd="3" destOrd="0" presId="urn:microsoft.com/office/officeart/2005/8/layout/default"/>
    <dgm:cxn modelId="{8804956C-05EA-4A29-835A-BE4DB8228E84}" type="presParOf" srcId="{8D1B6272-A135-4FE0-AB28-28775F93720F}" destId="{73B787C1-596F-4BDB-9EE8-F46A906BE190}" srcOrd="4" destOrd="0" presId="urn:microsoft.com/office/officeart/2005/8/layout/default"/>
    <dgm:cxn modelId="{BB54E8D8-E41D-44EE-A3C2-4AF76873ACA4}" type="presParOf" srcId="{8D1B6272-A135-4FE0-AB28-28775F93720F}" destId="{80F09BE9-2AAC-45CE-8D91-7FCDB7A837A5}" srcOrd="5" destOrd="0" presId="urn:microsoft.com/office/officeart/2005/8/layout/default"/>
    <dgm:cxn modelId="{67487043-1212-4AB6-B789-35A7FF4C17BD}" type="presParOf" srcId="{8D1B6272-A135-4FE0-AB28-28775F93720F}" destId="{89D9106B-784F-49E6-B0EF-04729126B757}" srcOrd="6" destOrd="0" presId="urn:microsoft.com/office/officeart/2005/8/layout/default"/>
    <dgm:cxn modelId="{3F7C36CA-7A9D-42A0-A1CE-4D2D1F24B5E3}" type="presParOf" srcId="{8D1B6272-A135-4FE0-AB28-28775F93720F}" destId="{B0E98C93-3BD9-4BA7-BDC0-E926B3D51C83}" srcOrd="7" destOrd="0" presId="urn:microsoft.com/office/officeart/2005/8/layout/default"/>
    <dgm:cxn modelId="{1278013F-1708-4682-80E1-82861AECD8BA}" type="presParOf" srcId="{8D1B6272-A135-4FE0-AB28-28775F93720F}" destId="{7BD20E03-6C85-4BB9-9609-1D8C0689BFD3}" srcOrd="8" destOrd="0" presId="urn:microsoft.com/office/officeart/2005/8/layout/default"/>
    <dgm:cxn modelId="{ADB127F1-A5D9-4438-9CD4-5828CC81E46B}" type="presParOf" srcId="{8D1B6272-A135-4FE0-AB28-28775F93720F}" destId="{DF176BED-98A9-4CFB-9649-ED20F7BA5CA2}" srcOrd="9" destOrd="0" presId="urn:microsoft.com/office/officeart/2005/8/layout/default"/>
    <dgm:cxn modelId="{BD106859-F02A-4524-A8CC-8FF2245EFE65}" type="presParOf" srcId="{8D1B6272-A135-4FE0-AB28-28775F93720F}" destId="{E0D5666B-0C5C-43E8-BFA5-37DB43B67081}" srcOrd="10" destOrd="0" presId="urn:microsoft.com/office/officeart/2005/8/layout/default"/>
    <dgm:cxn modelId="{75FB35CA-FFC2-456A-926E-D105C2122882}" type="presParOf" srcId="{8D1B6272-A135-4FE0-AB28-28775F93720F}" destId="{21C16707-D0FD-4D2C-A6D4-14181FE6C029}" srcOrd="11" destOrd="0" presId="urn:microsoft.com/office/officeart/2005/8/layout/default"/>
    <dgm:cxn modelId="{DBD71836-CA9F-4A60-92F7-79E56EF47ED5}" type="presParOf" srcId="{8D1B6272-A135-4FE0-AB28-28775F93720F}" destId="{8E321412-D8D9-43DB-B333-10805987BC47}" srcOrd="12" destOrd="0" presId="urn:microsoft.com/office/officeart/2005/8/layout/default"/>
    <dgm:cxn modelId="{5D1317E7-54B6-4D20-B784-6BD630CC755C}" type="presParOf" srcId="{8D1B6272-A135-4FE0-AB28-28775F93720F}" destId="{9265B0CA-1BF0-4E28-82A0-0FA324019D7C}" srcOrd="13" destOrd="0" presId="urn:microsoft.com/office/officeart/2005/8/layout/default"/>
    <dgm:cxn modelId="{9B1FBB80-D0A6-442D-8E62-015DAF60EC18}" type="presParOf" srcId="{8D1B6272-A135-4FE0-AB28-28775F93720F}" destId="{3342C928-16BB-4DA7-A92B-833D62B0B85D}" srcOrd="14"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7CB2002-7FC7-4989-89C1-4BFDFF49CA8A}">
      <dsp:nvSpPr>
        <dsp:cNvPr id="0" name=""/>
        <dsp:cNvSpPr/>
      </dsp:nvSpPr>
      <dsp:spPr>
        <a:xfrm>
          <a:off x="1022167" y="1274"/>
          <a:ext cx="2271231" cy="1362738"/>
        </a:xfrm>
        <a:prstGeom prst="rect">
          <a:avLst/>
        </a:prstGeom>
        <a:solidFill>
          <a:schemeClr val="accent2">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dirty="0"/>
            <a:t>BYTE-ORIENTED FILE REGISTER INSTRUCTIONS</a:t>
          </a:r>
        </a:p>
      </dsp:txBody>
      <dsp:txXfrm>
        <a:off x="1022167" y="1274"/>
        <a:ext cx="2271231" cy="1362738"/>
      </dsp:txXfrm>
    </dsp:sp>
    <dsp:sp modelId="{02C55D0A-6B69-4468-98FF-911C592E432B}">
      <dsp:nvSpPr>
        <dsp:cNvPr id="0" name=""/>
        <dsp:cNvSpPr/>
      </dsp:nvSpPr>
      <dsp:spPr>
        <a:xfrm>
          <a:off x="3520521" y="1274"/>
          <a:ext cx="2271231" cy="1362738"/>
        </a:xfrm>
        <a:prstGeom prst="rect">
          <a:avLst/>
        </a:prstGeom>
        <a:solidFill>
          <a:schemeClr val="accent3">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BYTE-ORIENTED SKIP INSTRUCTIONS</a:t>
          </a:r>
          <a:endParaRPr lang="en-US" sz="2200" kern="1200" dirty="0"/>
        </a:p>
      </dsp:txBody>
      <dsp:txXfrm>
        <a:off x="3520521" y="1274"/>
        <a:ext cx="2271231" cy="1362738"/>
      </dsp:txXfrm>
    </dsp:sp>
    <dsp:sp modelId="{73B787C1-596F-4BDB-9EE8-F46A906BE190}">
      <dsp:nvSpPr>
        <dsp:cNvPr id="0" name=""/>
        <dsp:cNvSpPr/>
      </dsp:nvSpPr>
      <dsp:spPr>
        <a:xfrm>
          <a:off x="6018876" y="1274"/>
          <a:ext cx="2271231" cy="1362738"/>
        </a:xfrm>
        <a:prstGeom prst="rect">
          <a:avLst/>
        </a:prstGeom>
        <a:solidFill>
          <a:schemeClr val="accent4">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BIT-ORIENTED FILE REGISTER INSTRUCTIONS</a:t>
          </a:r>
          <a:endParaRPr lang="en-US" sz="2200" kern="1200" dirty="0"/>
        </a:p>
      </dsp:txBody>
      <dsp:txXfrm>
        <a:off x="6018876" y="1274"/>
        <a:ext cx="2271231" cy="1362738"/>
      </dsp:txXfrm>
    </dsp:sp>
    <dsp:sp modelId="{89D9106B-784F-49E6-B0EF-04729126B757}">
      <dsp:nvSpPr>
        <dsp:cNvPr id="0" name=""/>
        <dsp:cNvSpPr/>
      </dsp:nvSpPr>
      <dsp:spPr>
        <a:xfrm>
          <a:off x="1022167" y="1591136"/>
          <a:ext cx="2271231" cy="1362738"/>
        </a:xfrm>
        <a:prstGeom prst="rect">
          <a:avLst/>
        </a:prstGeom>
        <a:solidFill>
          <a:schemeClr val="accent5">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BIT-ORIENTED SKIP INSTRUCTIONS</a:t>
          </a:r>
          <a:endParaRPr lang="en-US" sz="2200" kern="1200" dirty="0"/>
        </a:p>
      </dsp:txBody>
      <dsp:txXfrm>
        <a:off x="1022167" y="1591136"/>
        <a:ext cx="2271231" cy="1362738"/>
      </dsp:txXfrm>
    </dsp:sp>
    <dsp:sp modelId="{7BD20E03-6C85-4BB9-9609-1D8C0689BFD3}">
      <dsp:nvSpPr>
        <dsp:cNvPr id="0" name=""/>
        <dsp:cNvSpPr/>
      </dsp:nvSpPr>
      <dsp:spPr>
        <a:xfrm>
          <a:off x="3520521" y="1591136"/>
          <a:ext cx="2271231" cy="1362738"/>
        </a:xfrm>
        <a:prstGeom prst="rect">
          <a:avLst/>
        </a:prstGeom>
        <a:solidFill>
          <a:schemeClr val="accent6">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CONTROL INSTRUCTIONS</a:t>
          </a:r>
          <a:endParaRPr lang="en-US" sz="2200" kern="1200" dirty="0"/>
        </a:p>
      </dsp:txBody>
      <dsp:txXfrm>
        <a:off x="3520521" y="1591136"/>
        <a:ext cx="2271231" cy="1362738"/>
      </dsp:txXfrm>
    </dsp:sp>
    <dsp:sp modelId="{E0D5666B-0C5C-43E8-BFA5-37DB43B67081}">
      <dsp:nvSpPr>
        <dsp:cNvPr id="0" name=""/>
        <dsp:cNvSpPr/>
      </dsp:nvSpPr>
      <dsp:spPr>
        <a:xfrm>
          <a:off x="6018876" y="1591136"/>
          <a:ext cx="2271231" cy="1362738"/>
        </a:xfrm>
        <a:prstGeom prst="rect">
          <a:avLst/>
        </a:prstGeom>
        <a:solidFill>
          <a:schemeClr val="accent2">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INHERENT INSTRUCTIONS</a:t>
          </a:r>
          <a:endParaRPr lang="en-US" sz="2200" kern="1200" dirty="0"/>
        </a:p>
      </dsp:txBody>
      <dsp:txXfrm>
        <a:off x="6018876" y="1591136"/>
        <a:ext cx="2271231" cy="1362738"/>
      </dsp:txXfrm>
    </dsp:sp>
    <dsp:sp modelId="{8E321412-D8D9-43DB-B333-10805987BC47}">
      <dsp:nvSpPr>
        <dsp:cNvPr id="0" name=""/>
        <dsp:cNvSpPr/>
      </dsp:nvSpPr>
      <dsp:spPr>
        <a:xfrm>
          <a:off x="2271344" y="3180998"/>
          <a:ext cx="2271231" cy="1362738"/>
        </a:xfrm>
        <a:prstGeom prst="rect">
          <a:avLst/>
        </a:prstGeom>
        <a:solidFill>
          <a:schemeClr val="accent3">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LITERAL INSTRUCTIONS</a:t>
          </a:r>
          <a:endParaRPr lang="en-US" sz="2200" kern="1200" dirty="0"/>
        </a:p>
      </dsp:txBody>
      <dsp:txXfrm>
        <a:off x="2271344" y="3180998"/>
        <a:ext cx="2271231" cy="1362738"/>
      </dsp:txXfrm>
    </dsp:sp>
    <dsp:sp modelId="{3342C928-16BB-4DA7-A92B-833D62B0B85D}">
      <dsp:nvSpPr>
        <dsp:cNvPr id="0" name=""/>
        <dsp:cNvSpPr/>
      </dsp:nvSpPr>
      <dsp:spPr>
        <a:xfrm>
          <a:off x="4769699" y="3180998"/>
          <a:ext cx="2271231" cy="1362738"/>
        </a:xfrm>
        <a:prstGeom prst="rect">
          <a:avLst/>
        </a:prstGeom>
        <a:solidFill>
          <a:schemeClr val="accent4">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DATA MEMORY – PROGRAM MEMORY INSTRUCTIONS</a:t>
          </a:r>
          <a:endParaRPr lang="en-US" sz="2200" kern="1200" dirty="0"/>
        </a:p>
      </dsp:txBody>
      <dsp:txXfrm>
        <a:off x="4769699" y="3180998"/>
        <a:ext cx="2271231" cy="1362738"/>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21554672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rgbClr val="0000A0"/>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2F3EEA"/>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pic>
        <p:nvPicPr>
          <p:cNvPr id="8" name="Picture 7">
            <a:extLst>
              <a:ext uri="{FF2B5EF4-FFF2-40B4-BE49-F238E27FC236}">
                <a16:creationId xmlns:a16="http://schemas.microsoft.com/office/drawing/2014/main" id="{8E55075C-F1C5-E6EC-0536-2091A69F45CA}"/>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71849" y="180965"/>
            <a:ext cx="731520" cy="731520"/>
          </a:xfrm>
          <a:prstGeom prst="rect">
            <a:avLst/>
          </a:prstGeom>
        </p:spPr>
      </p:pic>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0000A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pic>
        <p:nvPicPr>
          <p:cNvPr id="3" name="Picture 2" descr="Logo, company name&#10;&#10;Description automatically generated">
            <a:extLst>
              <a:ext uri="{FF2B5EF4-FFF2-40B4-BE49-F238E27FC236}">
                <a16:creationId xmlns:a16="http://schemas.microsoft.com/office/drawing/2014/main" id="{C7111226-A514-B228-CEEE-03A28458D43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74382" y="1408176"/>
            <a:ext cx="4041648" cy="4041648"/>
          </a:xfrm>
          <a:prstGeom prst="rect">
            <a:avLst/>
          </a:prstGeom>
        </p:spPr>
      </p:pic>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0000A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0000A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pic>
        <p:nvPicPr>
          <p:cNvPr id="14" name="Picture 13">
            <a:extLst>
              <a:ext uri="{FF2B5EF4-FFF2-40B4-BE49-F238E27FC236}">
                <a16:creationId xmlns:a16="http://schemas.microsoft.com/office/drawing/2014/main" id="{E60D20A7-8D3F-055D-3DF7-8BA7C64F438A}"/>
              </a:ext>
            </a:extLst>
          </p:cNvPr>
          <p:cNvPicPr>
            <a:picLocks noChangeAspect="1"/>
          </p:cNvPicPr>
          <p:nvPr userDrawn="1"/>
        </p:nvPicPr>
        <p:blipFill>
          <a:blip r:embed="rId2" cstate="print">
            <a:extLst>
              <a:ext uri="{28A0092B-C50C-407E-A947-70E740481C1C}">
                <a14:useLocalDpi xmlns:a14="http://schemas.microsoft.com/office/drawing/2010/main" val="0"/>
              </a:ext>
            </a:extLst>
          </a:blip>
          <a:srcRect/>
          <a:stretch/>
        </p:blipFill>
        <p:spPr>
          <a:xfrm>
            <a:off x="4074382" y="1408176"/>
            <a:ext cx="4041648" cy="4041648"/>
          </a:xfrm>
          <a:prstGeom prst="rect">
            <a:avLst/>
          </a:prstGeom>
        </p:spPr>
      </p:pic>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46796068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a:p>
        </p:txBody>
      </p:sp>
      <p:sp>
        <p:nvSpPr>
          <p:cNvPr id="3" name="Content Placeholder 2"/>
          <p:cNvSpPr>
            <a:spLocks noGrp="1"/>
          </p:cNvSpPr>
          <p:nvPr>
            <p:ph idx="1"/>
          </p:nvPr>
        </p:nvSpPr>
        <p:spPr>
          <a:xfrm>
            <a:off x="1774726" y="1706328"/>
            <a:ext cx="6048672"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endParaRPr lang="en-GB" dirty="0"/>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image" Target="../media/image1.png"/><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0000A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13676" name="text" descr="{&quot;templafy&quot;:{&quot;id&quot;:&quot;b1bbc462-e1d5-4868-9c87-bf382fa51339&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a:solidFill>
                  <a:schemeClr val="bg1"/>
                </a:solidFill>
                <a:latin typeface="+mn-lt"/>
              </a:rPr>
              <a:t>Tecnológico de Monterrey</a:t>
            </a:r>
          </a:p>
        </p:txBody>
      </p:sp>
      <p:sp>
        <p:nvSpPr>
          <p:cNvPr id="7" name="text" descr="{&quot;templafy&quot;:{&quot;id&quot;:&quot;299c2bdf-8e40-4d60-b65e-d3b387672b96&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0000A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pic>
        <p:nvPicPr>
          <p:cNvPr id="8" name="Picture 7" descr="Logo, company name&#10;&#10;Description automatically generated">
            <a:extLst>
              <a:ext uri="{FF2B5EF4-FFF2-40B4-BE49-F238E27FC236}">
                <a16:creationId xmlns:a16="http://schemas.microsoft.com/office/drawing/2014/main" id="{BCE8D1B1-90B7-AD75-73E5-A75A0801BC75}"/>
              </a:ext>
            </a:extLst>
          </p:cNvPr>
          <p:cNvPicPr>
            <a:picLocks noChangeAspect="1"/>
          </p:cNvPicPr>
          <p:nvPr userDrawn="1"/>
        </p:nvPicPr>
        <p:blipFill>
          <a:blip r:embed="rId13" cstate="print">
            <a:extLst>
              <a:ext uri="{28A0092B-C50C-407E-A947-70E740481C1C}">
                <a14:useLocalDpi xmlns:a14="http://schemas.microsoft.com/office/drawing/2010/main" val="0"/>
              </a:ext>
            </a:extLst>
          </a:blip>
          <a:stretch>
            <a:fillRect/>
          </a:stretch>
        </p:blipFill>
        <p:spPr>
          <a:xfrm>
            <a:off x="71849" y="180965"/>
            <a:ext cx="731520" cy="731520"/>
          </a:xfrm>
          <a:prstGeom prst="rect">
            <a:avLst/>
          </a:prstGeom>
        </p:spPr>
      </p:pic>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Layout" Target="../slideLayouts/slideLayout3.xml"/><Relationship Id="rId5" Type="http://schemas.openxmlformats.org/officeDocument/2006/relationships/image" Target="../media/image8.png"/><Relationship Id="rId4" Type="http://schemas.openxmlformats.org/officeDocument/2006/relationships/image" Target="../media/image7.pn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5.xml"/></Relationships>
</file>

<file path=ppt/slides/_rels/slide3.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3.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20772F9-F0FC-4258-943A-483E60A348E1}"/>
              </a:ext>
            </a:extLst>
          </p:cNvPr>
          <p:cNvSpPr>
            <a:spLocks noGrp="1"/>
          </p:cNvSpPr>
          <p:nvPr>
            <p:ph type="ftr" sz="quarter" idx="11"/>
          </p:nvPr>
        </p:nvSpPr>
        <p:spPr/>
        <p:txBody>
          <a:bodyPr/>
          <a:lstStyle/>
          <a:p>
            <a:endParaRPr lang="en-GB" dirty="0"/>
          </a:p>
        </p:txBody>
      </p:sp>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E5C6D3-8078-3592-9B37-AE3CEA932978}"/>
              </a:ext>
            </a:extLst>
          </p:cNvPr>
          <p:cNvSpPr>
            <a:spLocks noGrp="1"/>
          </p:cNvSpPr>
          <p:nvPr>
            <p:ph type="title"/>
          </p:nvPr>
        </p:nvSpPr>
        <p:spPr/>
        <p:txBody>
          <a:bodyPr/>
          <a:lstStyle/>
          <a:p>
            <a:r>
              <a:rPr lang="en-US" dirty="0"/>
              <a:t>Bitwise instructions</a:t>
            </a:r>
          </a:p>
        </p:txBody>
      </p:sp>
      <p:sp>
        <p:nvSpPr>
          <p:cNvPr id="3" name="Content Placeholder 2">
            <a:extLst>
              <a:ext uri="{FF2B5EF4-FFF2-40B4-BE49-F238E27FC236}">
                <a16:creationId xmlns:a16="http://schemas.microsoft.com/office/drawing/2014/main" id="{8671F42F-7514-17FE-E392-209FE2805851}"/>
              </a:ext>
            </a:extLst>
          </p:cNvPr>
          <p:cNvSpPr>
            <a:spLocks noGrp="1"/>
          </p:cNvSpPr>
          <p:nvPr>
            <p:ph idx="1"/>
          </p:nvPr>
        </p:nvSpPr>
        <p:spPr/>
        <p:txBody>
          <a:bodyPr/>
          <a:lstStyle/>
          <a:p>
            <a:r>
              <a:rPr lang="es-ES" sz="1600" dirty="0"/>
              <a:t>Permiten al programa tomar decisiones en función del estado de un bit de cualquier registro o puerto de entrada/salida. </a:t>
            </a:r>
          </a:p>
          <a:p>
            <a:r>
              <a:rPr lang="es-ES" sz="1600" dirty="0"/>
              <a:t>Existen 2 instrucciones de este tipo: </a:t>
            </a:r>
          </a:p>
          <a:p>
            <a:pPr lvl="1"/>
            <a:r>
              <a:rPr lang="es-ES" sz="1600" cap="all" dirty="0" err="1"/>
              <a:t>Btfsc</a:t>
            </a:r>
            <a:endParaRPr lang="es-ES" sz="1600" cap="all" dirty="0"/>
          </a:p>
          <a:p>
            <a:pPr lvl="1"/>
            <a:r>
              <a:rPr lang="es-ES" sz="1600" cap="all" dirty="0" err="1"/>
              <a:t>btfss</a:t>
            </a:r>
            <a:endParaRPr lang="en-US" sz="1600" cap="all" dirty="0"/>
          </a:p>
        </p:txBody>
      </p:sp>
      <p:sp>
        <p:nvSpPr>
          <p:cNvPr id="5" name="Footer Placeholder 4">
            <a:extLst>
              <a:ext uri="{FF2B5EF4-FFF2-40B4-BE49-F238E27FC236}">
                <a16:creationId xmlns:a16="http://schemas.microsoft.com/office/drawing/2014/main" id="{CA77BA53-D313-FC07-1895-5FBF1A89FE4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0B719A02-DA5C-A75F-8B7F-35B28C5A13F8}"/>
              </a:ext>
            </a:extLst>
          </p:cNvPr>
          <p:cNvSpPr>
            <a:spLocks noGrp="1"/>
          </p:cNvSpPr>
          <p:nvPr>
            <p:ph type="sldNum" sz="quarter" idx="11"/>
          </p:nvPr>
        </p:nvSpPr>
        <p:spPr/>
        <p:txBody>
          <a:bodyPr/>
          <a:lstStyle/>
          <a:p>
            <a:fld id="{103EA872-A674-449B-A120-B97244F8E91D}" type="slidenum">
              <a:rPr lang="en-GB" smtClean="0"/>
              <a:pPr/>
              <a:t>10</a:t>
            </a:fld>
            <a:endParaRPr lang="en-GB" dirty="0"/>
          </a:p>
        </p:txBody>
      </p:sp>
      <p:pic>
        <p:nvPicPr>
          <p:cNvPr id="15" name="Picture 14">
            <a:extLst>
              <a:ext uri="{FF2B5EF4-FFF2-40B4-BE49-F238E27FC236}">
                <a16:creationId xmlns:a16="http://schemas.microsoft.com/office/drawing/2014/main" id="{E61FA436-8132-E8D9-E72F-004C6832ACE4}"/>
              </a:ext>
            </a:extLst>
          </p:cNvPr>
          <p:cNvPicPr>
            <a:picLocks noChangeAspect="1"/>
          </p:cNvPicPr>
          <p:nvPr/>
        </p:nvPicPr>
        <p:blipFill>
          <a:blip r:embed="rId2"/>
          <a:stretch>
            <a:fillRect/>
          </a:stretch>
        </p:blipFill>
        <p:spPr>
          <a:xfrm>
            <a:off x="240259" y="3148913"/>
            <a:ext cx="5307963" cy="1328268"/>
          </a:xfrm>
          <a:prstGeom prst="rect">
            <a:avLst/>
          </a:prstGeom>
        </p:spPr>
      </p:pic>
      <p:pic>
        <p:nvPicPr>
          <p:cNvPr id="17" name="Picture 16">
            <a:extLst>
              <a:ext uri="{FF2B5EF4-FFF2-40B4-BE49-F238E27FC236}">
                <a16:creationId xmlns:a16="http://schemas.microsoft.com/office/drawing/2014/main" id="{97224453-B5F6-778C-4B39-F677C78F51DA}"/>
              </a:ext>
            </a:extLst>
          </p:cNvPr>
          <p:cNvPicPr>
            <a:picLocks noChangeAspect="1"/>
          </p:cNvPicPr>
          <p:nvPr/>
        </p:nvPicPr>
        <p:blipFill>
          <a:blip r:embed="rId3"/>
          <a:stretch>
            <a:fillRect/>
          </a:stretch>
        </p:blipFill>
        <p:spPr>
          <a:xfrm>
            <a:off x="6219635" y="3148913"/>
            <a:ext cx="5719415" cy="1318699"/>
          </a:xfrm>
          <a:prstGeom prst="rect">
            <a:avLst/>
          </a:prstGeom>
        </p:spPr>
      </p:pic>
      <p:pic>
        <p:nvPicPr>
          <p:cNvPr id="19" name="Picture 18">
            <a:extLst>
              <a:ext uri="{FF2B5EF4-FFF2-40B4-BE49-F238E27FC236}">
                <a16:creationId xmlns:a16="http://schemas.microsoft.com/office/drawing/2014/main" id="{1905D9EB-78AE-B07F-D4C4-B92A0351106D}"/>
              </a:ext>
            </a:extLst>
          </p:cNvPr>
          <p:cNvPicPr>
            <a:picLocks noChangeAspect="1"/>
          </p:cNvPicPr>
          <p:nvPr/>
        </p:nvPicPr>
        <p:blipFill>
          <a:blip r:embed="rId4"/>
          <a:stretch>
            <a:fillRect/>
          </a:stretch>
        </p:blipFill>
        <p:spPr>
          <a:xfrm>
            <a:off x="435782" y="4477181"/>
            <a:ext cx="4916915" cy="2019580"/>
          </a:xfrm>
          <a:prstGeom prst="rect">
            <a:avLst/>
          </a:prstGeom>
        </p:spPr>
      </p:pic>
      <p:pic>
        <p:nvPicPr>
          <p:cNvPr id="21" name="Picture 20">
            <a:extLst>
              <a:ext uri="{FF2B5EF4-FFF2-40B4-BE49-F238E27FC236}">
                <a16:creationId xmlns:a16="http://schemas.microsoft.com/office/drawing/2014/main" id="{0F2859B1-FAFC-1684-9FF8-2EA1DE3AB331}"/>
              </a:ext>
            </a:extLst>
          </p:cNvPr>
          <p:cNvPicPr>
            <a:picLocks noChangeAspect="1"/>
          </p:cNvPicPr>
          <p:nvPr/>
        </p:nvPicPr>
        <p:blipFill>
          <a:blip r:embed="rId5"/>
          <a:stretch>
            <a:fillRect/>
          </a:stretch>
        </p:blipFill>
        <p:spPr>
          <a:xfrm>
            <a:off x="6837715" y="4441959"/>
            <a:ext cx="4916916" cy="1989914"/>
          </a:xfrm>
          <a:prstGeom prst="rect">
            <a:avLst/>
          </a:prstGeom>
        </p:spPr>
      </p:pic>
    </p:spTree>
    <p:extLst>
      <p:ext uri="{BB962C8B-B14F-4D97-AF65-F5344CB8AC3E}">
        <p14:creationId xmlns:p14="http://schemas.microsoft.com/office/powerpoint/2010/main" val="28092748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614FAE-8AB7-E427-295C-6BC468EAA56A}"/>
              </a:ext>
            </a:extLst>
          </p:cNvPr>
          <p:cNvSpPr>
            <a:spLocks noGrp="1"/>
          </p:cNvSpPr>
          <p:nvPr>
            <p:ph type="title"/>
          </p:nvPr>
        </p:nvSpPr>
        <p:spPr/>
        <p:txBody>
          <a:bodyPr/>
          <a:lstStyle/>
          <a:p>
            <a:r>
              <a:rPr lang="en-US" dirty="0" err="1"/>
              <a:t>Ejercicios</a:t>
            </a:r>
            <a:r>
              <a:rPr lang="en-US" dirty="0"/>
              <a:t> </a:t>
            </a:r>
            <a:r>
              <a:rPr lang="en-US" dirty="0" err="1"/>
              <a:t>en</a:t>
            </a:r>
            <a:r>
              <a:rPr lang="en-US" dirty="0"/>
              <a:t> </a:t>
            </a:r>
            <a:r>
              <a:rPr lang="en-US" dirty="0" err="1"/>
              <a:t>Ensamblador</a:t>
            </a:r>
            <a:endParaRPr lang="LID4096" dirty="0"/>
          </a:p>
        </p:txBody>
      </p:sp>
      <p:sp>
        <p:nvSpPr>
          <p:cNvPr id="3" name="Content Placeholder 2">
            <a:extLst>
              <a:ext uri="{FF2B5EF4-FFF2-40B4-BE49-F238E27FC236}">
                <a16:creationId xmlns:a16="http://schemas.microsoft.com/office/drawing/2014/main" id="{B255391B-B89B-B282-653E-4CF35ECC3CAA}"/>
              </a:ext>
            </a:extLst>
          </p:cNvPr>
          <p:cNvSpPr>
            <a:spLocks noGrp="1"/>
          </p:cNvSpPr>
          <p:nvPr>
            <p:ph idx="1"/>
          </p:nvPr>
        </p:nvSpPr>
        <p:spPr/>
        <p:txBody>
          <a:bodyPr/>
          <a:lstStyle/>
          <a:p>
            <a:pPr marL="0" indent="0">
              <a:buNone/>
            </a:pPr>
            <a:r>
              <a:rPr lang="es-ES" sz="1600" b="0" i="0" dirty="0">
                <a:solidFill>
                  <a:srgbClr val="000000"/>
                </a:solidFill>
                <a:effectLst/>
                <a:latin typeface="CourierNewPSMT"/>
              </a:rPr>
              <a:t>Practica_01.asm: </a:t>
            </a:r>
            <a:r>
              <a:rPr lang="es-ES" sz="1600" b="0" i="0" dirty="0">
                <a:solidFill>
                  <a:srgbClr val="000000"/>
                </a:solidFill>
                <a:effectLst/>
                <a:latin typeface="Calibri" panose="020F0502020204030204" pitchFamily="34" charset="0"/>
              </a:rPr>
              <a:t>Por el puerto D, visualizar el valor 01101101</a:t>
            </a:r>
            <a:endParaRPr lang="es-ES" sz="1600" dirty="0">
              <a:solidFill>
                <a:srgbClr val="000000"/>
              </a:solidFill>
              <a:latin typeface="Calibri" panose="020F0502020204030204" pitchFamily="34" charset="0"/>
            </a:endParaRPr>
          </a:p>
          <a:p>
            <a:pPr marL="0" indent="0">
              <a:buNone/>
            </a:pPr>
            <a:r>
              <a:rPr lang="es-ES" sz="1600" b="0" i="0" dirty="0">
                <a:solidFill>
                  <a:srgbClr val="000000"/>
                </a:solidFill>
                <a:effectLst/>
                <a:latin typeface="CourierNewPSMT"/>
              </a:rPr>
              <a:t>Practica_02.asm: </a:t>
            </a:r>
            <a:r>
              <a:rPr lang="es-ES" sz="1600" b="0" i="0" dirty="0">
                <a:solidFill>
                  <a:srgbClr val="000000"/>
                </a:solidFill>
                <a:effectLst/>
                <a:latin typeface="Calibri" panose="020F0502020204030204" pitchFamily="34" charset="0"/>
              </a:rPr>
              <a:t>Por el puerto D se visualiza el valor de entrada existente en el puerto A</a:t>
            </a:r>
          </a:p>
          <a:p>
            <a:pPr marL="0" indent="0">
              <a:buNone/>
            </a:pPr>
            <a:r>
              <a:rPr lang="es-ES" sz="1600" b="0" i="0" dirty="0">
                <a:solidFill>
                  <a:srgbClr val="000000"/>
                </a:solidFill>
                <a:effectLst/>
                <a:latin typeface="CourierNewPSMT"/>
              </a:rPr>
              <a:t>Practica_03.asm: </a:t>
            </a:r>
            <a:r>
              <a:rPr lang="es-ES" sz="1600" b="0" i="0" dirty="0">
                <a:solidFill>
                  <a:srgbClr val="000000"/>
                </a:solidFill>
                <a:effectLst/>
                <a:latin typeface="Calibri" panose="020F0502020204030204" pitchFamily="34" charset="0"/>
              </a:rPr>
              <a:t>Por el puerto D se visualiza el valor INVERTIDO de entrada existente en el puerto A</a:t>
            </a:r>
          </a:p>
          <a:p>
            <a:pPr marL="0" indent="0">
              <a:buNone/>
            </a:pPr>
            <a:r>
              <a:rPr lang="es-ES" sz="1600" b="0" i="0" dirty="0">
                <a:solidFill>
                  <a:srgbClr val="000000"/>
                </a:solidFill>
                <a:effectLst/>
                <a:latin typeface="CourierNewPSMT"/>
              </a:rPr>
              <a:t>Practica_04.asm:</a:t>
            </a:r>
            <a:r>
              <a:rPr lang="es-ES" sz="1600" b="0" i="0" dirty="0">
                <a:solidFill>
                  <a:srgbClr val="000000"/>
                </a:solidFill>
                <a:effectLst/>
                <a:latin typeface="Calibri" panose="020F0502020204030204" pitchFamily="34" charset="0"/>
              </a:rPr>
              <a:t>Por el puerto D se visualiza el valor de entrada invertido en el puerto A + el valor de la constante 2.</a:t>
            </a:r>
          </a:p>
          <a:p>
            <a:pPr marL="0" indent="0">
              <a:buNone/>
            </a:pPr>
            <a:r>
              <a:rPr lang="es-ES" sz="1600" b="0" i="0" dirty="0">
                <a:solidFill>
                  <a:srgbClr val="000000"/>
                </a:solidFill>
                <a:effectLst/>
                <a:latin typeface="CourierNewPSMT"/>
              </a:rPr>
              <a:t>Practica_05.asm: </a:t>
            </a:r>
            <a:r>
              <a:rPr lang="es-ES" sz="1600" b="0" i="0" dirty="0">
                <a:solidFill>
                  <a:srgbClr val="000000"/>
                </a:solidFill>
                <a:effectLst/>
                <a:latin typeface="Calibri" panose="020F0502020204030204" pitchFamily="34" charset="0"/>
              </a:rPr>
              <a:t>Se declara una variable en Access RAM llamada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Dicha variable se carga con el valor de 0xE6. Desplazar un bit hacia la derecha la variable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utilizando </a:t>
            </a:r>
            <a:r>
              <a:rPr lang="es-ES" sz="1600" b="0" i="0" dirty="0" err="1">
                <a:solidFill>
                  <a:srgbClr val="000000"/>
                </a:solidFill>
                <a:effectLst/>
                <a:latin typeface="Calibri" panose="020F0502020204030204" pitchFamily="34" charset="0"/>
              </a:rPr>
              <a:t>Carry</a:t>
            </a:r>
            <a:r>
              <a:rPr lang="es-ES" sz="1600" b="0" i="0" dirty="0">
                <a:solidFill>
                  <a:srgbClr val="000000"/>
                </a:solidFill>
                <a:effectLst/>
                <a:latin typeface="Calibri" panose="020F0502020204030204" pitchFamily="34" charset="0"/>
              </a:rPr>
              <a:t> en 0. El </a:t>
            </a:r>
            <a:r>
              <a:rPr lang="es-ES" sz="1600" b="0" i="0" dirty="0" err="1">
                <a:solidFill>
                  <a:srgbClr val="000000"/>
                </a:solidFill>
                <a:effectLst/>
                <a:latin typeface="Calibri" panose="020F0502020204030204" pitchFamily="34" charset="0"/>
              </a:rPr>
              <a:t>Carry</a:t>
            </a:r>
            <a:r>
              <a:rPr lang="es-ES" sz="1600" b="0" i="0" dirty="0">
                <a:solidFill>
                  <a:srgbClr val="000000"/>
                </a:solidFill>
                <a:effectLst/>
                <a:latin typeface="Calibri" panose="020F0502020204030204" pitchFamily="34" charset="0"/>
              </a:rPr>
              <a:t> entrará por la izquierda.</a:t>
            </a:r>
          </a:p>
          <a:p>
            <a:pPr marL="0" indent="0">
              <a:buNone/>
            </a:pPr>
            <a:r>
              <a:rPr lang="es-ES" sz="1600" b="0" i="0" dirty="0">
                <a:solidFill>
                  <a:srgbClr val="000000"/>
                </a:solidFill>
                <a:effectLst/>
                <a:latin typeface="CourierNewPSMT"/>
              </a:rPr>
              <a:t>Practica_06.asm: </a:t>
            </a:r>
            <a:r>
              <a:rPr lang="es-ES" sz="1600" b="0" i="0" dirty="0">
                <a:solidFill>
                  <a:srgbClr val="000000"/>
                </a:solidFill>
                <a:effectLst/>
                <a:latin typeface="Calibri" panose="020F0502020204030204" pitchFamily="34" charset="0"/>
              </a:rPr>
              <a:t>Se declara una variable en Access RAM llamada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Dicha variable se carga con el valor de 0xE6. Desplazar un bit hacia la derecha la variable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utilizando </a:t>
            </a:r>
            <a:r>
              <a:rPr lang="es-ES" sz="1600" b="0" i="0" dirty="0" err="1">
                <a:solidFill>
                  <a:srgbClr val="000000"/>
                </a:solidFill>
                <a:effectLst/>
                <a:latin typeface="Calibri" panose="020F0502020204030204" pitchFamily="34" charset="0"/>
              </a:rPr>
              <a:t>Carry</a:t>
            </a:r>
            <a:r>
              <a:rPr lang="es-ES" sz="1600" b="0" i="0" dirty="0">
                <a:solidFill>
                  <a:srgbClr val="000000"/>
                </a:solidFill>
                <a:effectLst/>
                <a:latin typeface="Calibri" panose="020F0502020204030204" pitchFamily="34" charset="0"/>
              </a:rPr>
              <a:t> en 1. El </a:t>
            </a:r>
            <a:r>
              <a:rPr lang="es-ES" sz="1600" b="0" i="0" dirty="0" err="1">
                <a:solidFill>
                  <a:srgbClr val="000000"/>
                </a:solidFill>
                <a:effectLst/>
                <a:latin typeface="Calibri" panose="020F0502020204030204" pitchFamily="34" charset="0"/>
              </a:rPr>
              <a:t>Carry</a:t>
            </a:r>
            <a:r>
              <a:rPr lang="es-ES" sz="1600" b="0" i="0" dirty="0">
                <a:solidFill>
                  <a:srgbClr val="000000"/>
                </a:solidFill>
                <a:effectLst/>
                <a:latin typeface="Calibri" panose="020F0502020204030204" pitchFamily="34" charset="0"/>
              </a:rPr>
              <a:t> entrará por la izquierda.</a:t>
            </a:r>
          </a:p>
          <a:p>
            <a:pPr marL="0" indent="0">
              <a:buNone/>
            </a:pPr>
            <a:r>
              <a:rPr lang="es-ES" sz="1600" b="0" i="0" dirty="0">
                <a:solidFill>
                  <a:srgbClr val="000000"/>
                </a:solidFill>
                <a:effectLst/>
                <a:latin typeface="CourierNewPSMT"/>
              </a:rPr>
              <a:t>Practica_07.asm: </a:t>
            </a:r>
            <a:r>
              <a:rPr lang="es-ES" sz="1600" b="0" i="0" dirty="0">
                <a:solidFill>
                  <a:srgbClr val="000000"/>
                </a:solidFill>
                <a:effectLst/>
                <a:latin typeface="Calibri" panose="020F0502020204030204" pitchFamily="34" charset="0"/>
              </a:rPr>
              <a:t>Se declara una variable en Access RAM llamada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Dicha variable se carga con el valor de 0xE6. Desplazar un bit hacia la izquierda la variable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utilizando </a:t>
            </a:r>
            <a:r>
              <a:rPr lang="es-ES" sz="1600" b="0" i="0" dirty="0" err="1">
                <a:solidFill>
                  <a:srgbClr val="000000"/>
                </a:solidFill>
                <a:effectLst/>
                <a:latin typeface="Calibri" panose="020F0502020204030204" pitchFamily="34" charset="0"/>
              </a:rPr>
              <a:t>Carry</a:t>
            </a:r>
            <a:r>
              <a:rPr lang="es-ES" sz="1600" b="0" i="0" dirty="0">
                <a:solidFill>
                  <a:srgbClr val="000000"/>
                </a:solidFill>
                <a:effectLst/>
                <a:latin typeface="Calibri" panose="020F0502020204030204" pitchFamily="34" charset="0"/>
              </a:rPr>
              <a:t> en 0. El </a:t>
            </a:r>
            <a:r>
              <a:rPr lang="es-ES" sz="1600" b="0" i="0" dirty="0" err="1">
                <a:solidFill>
                  <a:srgbClr val="000000"/>
                </a:solidFill>
                <a:effectLst/>
                <a:latin typeface="Calibri" panose="020F0502020204030204" pitchFamily="34" charset="0"/>
              </a:rPr>
              <a:t>Carry</a:t>
            </a:r>
            <a:r>
              <a:rPr lang="es-ES" sz="1600" b="0" i="0" dirty="0">
                <a:solidFill>
                  <a:srgbClr val="000000"/>
                </a:solidFill>
                <a:effectLst/>
                <a:latin typeface="Calibri" panose="020F0502020204030204" pitchFamily="34" charset="0"/>
              </a:rPr>
              <a:t> entrará por la derecha.</a:t>
            </a:r>
            <a:br>
              <a:rPr lang="es-ES" sz="1600" dirty="0"/>
            </a:br>
            <a:endParaRPr lang="LID4096" sz="1600" dirty="0"/>
          </a:p>
        </p:txBody>
      </p:sp>
      <p:sp>
        <p:nvSpPr>
          <p:cNvPr id="4" name="Footer Placeholder 3">
            <a:extLst>
              <a:ext uri="{FF2B5EF4-FFF2-40B4-BE49-F238E27FC236}">
                <a16:creationId xmlns:a16="http://schemas.microsoft.com/office/drawing/2014/main" id="{2DD26610-C8D5-0E0A-9817-2D6980882510}"/>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5E81FF6F-A55E-5FFD-75BE-FC86B0316B6A}"/>
              </a:ext>
            </a:extLst>
          </p:cNvPr>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172326173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0182E0-33E4-7D1F-71D9-2E77E4A8F623}"/>
              </a:ext>
            </a:extLst>
          </p:cNvPr>
          <p:cNvSpPr>
            <a:spLocks noGrp="1"/>
          </p:cNvSpPr>
          <p:nvPr>
            <p:ph type="title"/>
          </p:nvPr>
        </p:nvSpPr>
        <p:spPr/>
        <p:txBody>
          <a:bodyPr/>
          <a:lstStyle/>
          <a:p>
            <a:r>
              <a:rPr lang="en-US" dirty="0" err="1"/>
              <a:t>Ejercicios</a:t>
            </a:r>
            <a:r>
              <a:rPr lang="en-US" dirty="0"/>
              <a:t> </a:t>
            </a:r>
            <a:r>
              <a:rPr lang="en-US" dirty="0" err="1"/>
              <a:t>en</a:t>
            </a:r>
            <a:r>
              <a:rPr lang="en-US" dirty="0"/>
              <a:t> </a:t>
            </a:r>
            <a:r>
              <a:rPr lang="en-US" dirty="0" err="1"/>
              <a:t>Ensamblador</a:t>
            </a:r>
            <a:endParaRPr lang="LID4096" dirty="0"/>
          </a:p>
        </p:txBody>
      </p:sp>
      <p:sp>
        <p:nvSpPr>
          <p:cNvPr id="3" name="Content Placeholder 2">
            <a:extLst>
              <a:ext uri="{FF2B5EF4-FFF2-40B4-BE49-F238E27FC236}">
                <a16:creationId xmlns:a16="http://schemas.microsoft.com/office/drawing/2014/main" id="{8352DD1E-D324-6BA3-7C96-D3C0E9B51B76}"/>
              </a:ext>
            </a:extLst>
          </p:cNvPr>
          <p:cNvSpPr>
            <a:spLocks noGrp="1"/>
          </p:cNvSpPr>
          <p:nvPr>
            <p:ph idx="1"/>
          </p:nvPr>
        </p:nvSpPr>
        <p:spPr/>
        <p:txBody>
          <a:bodyPr/>
          <a:lstStyle/>
          <a:p>
            <a:pPr marL="0" indent="0">
              <a:buNone/>
            </a:pPr>
            <a:r>
              <a:rPr lang="es-ES" sz="1600" b="0" i="0" dirty="0">
                <a:solidFill>
                  <a:srgbClr val="000000"/>
                </a:solidFill>
                <a:effectLst/>
                <a:latin typeface="CourierNewPSMT"/>
              </a:rPr>
              <a:t>Practica_08.asm: </a:t>
            </a:r>
            <a:r>
              <a:rPr lang="es-ES" sz="1600" b="0" i="0" dirty="0">
                <a:solidFill>
                  <a:srgbClr val="000000"/>
                </a:solidFill>
                <a:effectLst/>
                <a:latin typeface="Calibri" panose="020F0502020204030204" pitchFamily="34" charset="0"/>
              </a:rPr>
              <a:t>Se declara una variable en Access RAM llamada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Dicha variable se carga con el valor de 0xE6. Desplazar un bit hacia la izquierda la variable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utilizando </a:t>
            </a:r>
            <a:r>
              <a:rPr lang="es-ES" sz="1600" b="0" i="0" dirty="0" err="1">
                <a:solidFill>
                  <a:srgbClr val="000000"/>
                </a:solidFill>
                <a:effectLst/>
                <a:latin typeface="Calibri" panose="020F0502020204030204" pitchFamily="34" charset="0"/>
              </a:rPr>
              <a:t>Carry</a:t>
            </a:r>
            <a:r>
              <a:rPr lang="es-ES" sz="1600" b="0" i="0" dirty="0">
                <a:solidFill>
                  <a:srgbClr val="000000"/>
                </a:solidFill>
                <a:effectLst/>
                <a:latin typeface="Calibri" panose="020F0502020204030204" pitchFamily="34" charset="0"/>
              </a:rPr>
              <a:t> en 1. El </a:t>
            </a:r>
            <a:r>
              <a:rPr lang="es-ES" sz="1600" b="0" i="0" dirty="0" err="1">
                <a:solidFill>
                  <a:srgbClr val="000000"/>
                </a:solidFill>
                <a:effectLst/>
                <a:latin typeface="Calibri" panose="020F0502020204030204" pitchFamily="34" charset="0"/>
              </a:rPr>
              <a:t>Carry</a:t>
            </a:r>
            <a:r>
              <a:rPr lang="es-ES" sz="1600" b="0" i="0" dirty="0">
                <a:solidFill>
                  <a:srgbClr val="000000"/>
                </a:solidFill>
                <a:effectLst/>
                <a:latin typeface="Calibri" panose="020F0502020204030204" pitchFamily="34" charset="0"/>
              </a:rPr>
              <a:t> entrará por la derecha. </a:t>
            </a:r>
          </a:p>
          <a:p>
            <a:pPr marL="0" indent="0">
              <a:buNone/>
            </a:pPr>
            <a:r>
              <a:rPr lang="es-ES" sz="1600" b="0" i="0" dirty="0">
                <a:solidFill>
                  <a:srgbClr val="000000"/>
                </a:solidFill>
                <a:effectLst/>
                <a:latin typeface="CourierNewPSMT"/>
              </a:rPr>
              <a:t>Practica_09.asm: </a:t>
            </a:r>
            <a:r>
              <a:rPr lang="es-ES" sz="1600" b="0" i="0" dirty="0">
                <a:solidFill>
                  <a:srgbClr val="000000"/>
                </a:solidFill>
                <a:effectLst/>
                <a:latin typeface="Calibri" panose="020F0502020204030204" pitchFamily="34" charset="0"/>
              </a:rPr>
              <a:t>Se declara una variable en Access RAM llamada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Dicha variable se carga con el valor de 0xD7. Desplazar un bit hacia la derecha la variable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sin </a:t>
            </a:r>
            <a:r>
              <a:rPr lang="es-ES" sz="1600" b="0" i="0" dirty="0" err="1">
                <a:solidFill>
                  <a:srgbClr val="000000"/>
                </a:solidFill>
                <a:effectLst/>
                <a:latin typeface="Calibri" panose="020F0502020204030204" pitchFamily="34" charset="0"/>
              </a:rPr>
              <a:t>Carry</a:t>
            </a:r>
            <a:r>
              <a:rPr lang="es-ES" sz="1600" b="0" i="0" dirty="0">
                <a:solidFill>
                  <a:srgbClr val="000000"/>
                </a:solidFill>
                <a:effectLst/>
                <a:latin typeface="Calibri" panose="020F0502020204030204" pitchFamily="34" charset="0"/>
              </a:rPr>
              <a:t> y </a:t>
            </a:r>
            <a:r>
              <a:rPr lang="es-ES" sz="1600" b="1" i="0" dirty="0">
                <a:solidFill>
                  <a:srgbClr val="000000"/>
                </a:solidFill>
                <a:effectLst/>
                <a:latin typeface="Calibri-Bold"/>
              </a:rPr>
              <a:t>guardar el resultado en "</a:t>
            </a:r>
            <a:r>
              <a:rPr lang="es-ES" sz="1600" b="1" i="0" dirty="0" err="1">
                <a:solidFill>
                  <a:srgbClr val="000000"/>
                </a:solidFill>
                <a:effectLst/>
                <a:latin typeface="Calibri-Bold"/>
              </a:rPr>
              <a:t>var</a:t>
            </a:r>
            <a:r>
              <a:rPr lang="es-ES" sz="1600" b="0" i="0" dirty="0">
                <a:solidFill>
                  <a:srgbClr val="000000"/>
                </a:solidFill>
                <a:effectLst/>
                <a:latin typeface="Calibri" panose="020F0502020204030204" pitchFamily="34" charset="0"/>
              </a:rPr>
              <a:t>”.</a:t>
            </a:r>
          </a:p>
          <a:p>
            <a:pPr marL="0" indent="0">
              <a:buNone/>
            </a:pPr>
            <a:r>
              <a:rPr lang="es-ES" sz="1600" b="0" i="0" dirty="0">
                <a:solidFill>
                  <a:srgbClr val="000000"/>
                </a:solidFill>
                <a:effectLst/>
                <a:latin typeface="CourierNewPSMT"/>
              </a:rPr>
              <a:t>Practica_10.asm: </a:t>
            </a:r>
            <a:r>
              <a:rPr lang="es-ES" sz="1600" b="0" i="0" dirty="0">
                <a:solidFill>
                  <a:srgbClr val="000000"/>
                </a:solidFill>
                <a:effectLst/>
                <a:latin typeface="Calibri" panose="020F0502020204030204" pitchFamily="34" charset="0"/>
              </a:rPr>
              <a:t>Se declara una variable en Access RAM llamada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Dicha variable se carga con el valor de 0xD7. Desplazar un bit hacia la derecha la variable "</a:t>
            </a:r>
            <a:r>
              <a:rPr lang="es-ES" sz="1600" b="0" i="0" dirty="0" err="1">
                <a:solidFill>
                  <a:srgbClr val="000000"/>
                </a:solidFill>
                <a:effectLst/>
                <a:latin typeface="Calibri" panose="020F0502020204030204" pitchFamily="34" charset="0"/>
              </a:rPr>
              <a:t>var</a:t>
            </a:r>
            <a:r>
              <a:rPr lang="es-ES" sz="1600" b="0" i="0" dirty="0">
                <a:solidFill>
                  <a:srgbClr val="000000"/>
                </a:solidFill>
                <a:effectLst/>
                <a:latin typeface="Calibri" panose="020F0502020204030204" pitchFamily="34" charset="0"/>
              </a:rPr>
              <a:t>" sin </a:t>
            </a:r>
            <a:r>
              <a:rPr lang="es-ES" sz="1600" b="0" i="0" dirty="0" err="1">
                <a:solidFill>
                  <a:srgbClr val="000000"/>
                </a:solidFill>
                <a:effectLst/>
                <a:latin typeface="Calibri" panose="020F0502020204030204" pitchFamily="34" charset="0"/>
              </a:rPr>
              <a:t>Carry</a:t>
            </a:r>
            <a:r>
              <a:rPr lang="es-ES" sz="1600" b="0" i="0" dirty="0">
                <a:solidFill>
                  <a:srgbClr val="000000"/>
                </a:solidFill>
                <a:effectLst/>
                <a:latin typeface="Calibri" panose="020F0502020204030204" pitchFamily="34" charset="0"/>
              </a:rPr>
              <a:t> y </a:t>
            </a:r>
            <a:r>
              <a:rPr lang="es-ES" sz="1600" b="1" i="0" dirty="0">
                <a:solidFill>
                  <a:srgbClr val="000000"/>
                </a:solidFill>
                <a:effectLst/>
                <a:latin typeface="Calibri-Bold"/>
              </a:rPr>
              <a:t>guardar el resultado en </a:t>
            </a:r>
            <a:r>
              <a:rPr lang="es-ES" sz="1600" b="1" i="0" dirty="0">
                <a:solidFill>
                  <a:srgbClr val="000000"/>
                </a:solidFill>
                <a:effectLst/>
                <a:latin typeface="CourierNewPS-BoldMT"/>
              </a:rPr>
              <a:t>W</a:t>
            </a:r>
            <a:r>
              <a:rPr lang="es-ES" sz="1600" b="0" i="0" dirty="0">
                <a:solidFill>
                  <a:srgbClr val="000000"/>
                </a:solidFill>
                <a:effectLst/>
                <a:latin typeface="Calibri" panose="020F0502020204030204" pitchFamily="34" charset="0"/>
              </a:rPr>
              <a:t>.</a:t>
            </a:r>
          </a:p>
          <a:p>
            <a:pPr marL="0" indent="0">
              <a:buNone/>
            </a:pPr>
            <a:r>
              <a:rPr lang="es-ES" sz="1600" b="0" i="0" dirty="0">
                <a:solidFill>
                  <a:srgbClr val="000000"/>
                </a:solidFill>
                <a:effectLst/>
                <a:latin typeface="CourierNewPSMT"/>
              </a:rPr>
              <a:t>Practica_11.asm: </a:t>
            </a:r>
            <a:r>
              <a:rPr lang="es-ES" sz="1600" b="0" i="0" dirty="0">
                <a:solidFill>
                  <a:srgbClr val="000000"/>
                </a:solidFill>
                <a:effectLst/>
                <a:latin typeface="Calibri" panose="020F0502020204030204" pitchFamily="34" charset="0"/>
              </a:rPr>
              <a:t>Por el puerto D se visualiza el dato del puerto A invirtiendo los bits pares. Los impares se dejan igual. El orden de los bits es "b7 b6 b5 b4 b3 b2 b1 b0", siendo los pares el b6, b4, b2 y el b0.</a:t>
            </a:r>
            <a:endParaRPr lang="es-ES" sz="1600" dirty="0">
              <a:solidFill>
                <a:srgbClr val="000000"/>
              </a:solidFill>
              <a:latin typeface="Calibri" panose="020F0502020204030204" pitchFamily="34" charset="0"/>
            </a:endParaRPr>
          </a:p>
          <a:p>
            <a:pPr marL="0" indent="0">
              <a:buNone/>
            </a:pPr>
            <a:r>
              <a:rPr lang="es-ES" sz="1600" b="0" i="0" dirty="0">
                <a:solidFill>
                  <a:srgbClr val="000000"/>
                </a:solidFill>
                <a:effectLst/>
                <a:latin typeface="CourierNewPSMT"/>
              </a:rPr>
              <a:t>Practica_12.asm: </a:t>
            </a:r>
            <a:r>
              <a:rPr lang="es-ES" sz="1600" b="0" i="0" dirty="0">
                <a:solidFill>
                  <a:srgbClr val="000000"/>
                </a:solidFill>
                <a:effectLst/>
                <a:latin typeface="Calibri" panose="020F0502020204030204" pitchFamily="34" charset="0"/>
              </a:rPr>
              <a:t>Por el puerto D se visualiza el dato del puerto A, pero en la salida los bits impares se fijan en '1'. El orden de los bits es "b7 b6 b5 b4 b3 b2 b1 b0", siendo los impares el b7, b5, b3 y el b1.</a:t>
            </a:r>
          </a:p>
          <a:p>
            <a:pPr marL="0" indent="0">
              <a:buNone/>
            </a:pPr>
            <a:r>
              <a:rPr lang="es-ES" sz="1600" b="0" i="0" dirty="0">
                <a:solidFill>
                  <a:srgbClr val="000000"/>
                </a:solidFill>
                <a:effectLst/>
                <a:latin typeface="CourierNewPSMT"/>
              </a:rPr>
              <a:t>Practica_13.asm: </a:t>
            </a:r>
            <a:r>
              <a:rPr lang="es-ES" sz="1600" b="0" i="0" dirty="0">
                <a:solidFill>
                  <a:srgbClr val="000000"/>
                </a:solidFill>
                <a:effectLst/>
                <a:latin typeface="Calibri" panose="020F0502020204030204" pitchFamily="34" charset="0"/>
              </a:rPr>
              <a:t>Por el puerto D se visualiza el dato del puerto A intercambiando los </a:t>
            </a:r>
            <a:r>
              <a:rPr lang="es-ES" sz="1600" b="0" i="0" dirty="0" err="1">
                <a:solidFill>
                  <a:srgbClr val="000000"/>
                </a:solidFill>
                <a:effectLst/>
                <a:latin typeface="Calibri" panose="020F0502020204030204" pitchFamily="34" charset="0"/>
              </a:rPr>
              <a:t>nibbles</a:t>
            </a:r>
            <a:r>
              <a:rPr lang="es-ES" sz="1600" b="0" i="0" dirty="0">
                <a:solidFill>
                  <a:srgbClr val="000000"/>
                </a:solidFill>
                <a:effectLst/>
                <a:latin typeface="Calibri" panose="020F0502020204030204" pitchFamily="34" charset="0"/>
              </a:rPr>
              <a:t> alto y bajo.</a:t>
            </a:r>
            <a:r>
              <a:rPr lang="es-ES" sz="1600" dirty="0"/>
              <a:t> </a:t>
            </a:r>
            <a:br>
              <a:rPr lang="es-ES" sz="1600" dirty="0"/>
            </a:br>
            <a:endParaRPr lang="LID4096" sz="1600" dirty="0"/>
          </a:p>
        </p:txBody>
      </p:sp>
      <p:sp>
        <p:nvSpPr>
          <p:cNvPr id="4" name="Footer Placeholder 3">
            <a:extLst>
              <a:ext uri="{FF2B5EF4-FFF2-40B4-BE49-F238E27FC236}">
                <a16:creationId xmlns:a16="http://schemas.microsoft.com/office/drawing/2014/main" id="{040B2A9D-E45C-13C5-B92B-D57D47B40D1D}"/>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F8D0B18B-EF71-1D34-8420-79C54CC9D38D}"/>
              </a:ext>
            </a:extLst>
          </p:cNvPr>
          <p:cNvSpPr>
            <a:spLocks noGrp="1"/>
          </p:cNvSpPr>
          <p:nvPr>
            <p:ph type="sldNum" sz="quarter" idx="11"/>
          </p:nvPr>
        </p:nvSpPr>
        <p:spPr/>
        <p:txBody>
          <a:bodyPr/>
          <a:lstStyle/>
          <a:p>
            <a:fld id="{103EA872-A674-449B-A120-B97244F8E91D}" type="slidenum">
              <a:rPr lang="en-GB" smtClean="0"/>
              <a:pPr/>
              <a:t>12</a:t>
            </a:fld>
            <a:endParaRPr lang="en-GB" dirty="0"/>
          </a:p>
        </p:txBody>
      </p:sp>
    </p:spTree>
    <p:extLst>
      <p:ext uri="{BB962C8B-B14F-4D97-AF65-F5344CB8AC3E}">
        <p14:creationId xmlns:p14="http://schemas.microsoft.com/office/powerpoint/2010/main" val="290968546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49858" y="3545117"/>
            <a:ext cx="11609061" cy="2706458"/>
          </a:xfrm>
        </p:spPr>
        <p:txBody>
          <a:bodyPr/>
          <a:lstStyle/>
          <a:p>
            <a:r>
              <a:rPr lang="en-GB"/>
              <a:t>Assembly Programming </a:t>
            </a:r>
            <a:r>
              <a:rPr lang="en-GB" dirty="0"/>
              <a:t>for PIC18</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err="1"/>
              <a:t>TE2015</a:t>
            </a:r>
            <a:r>
              <a:rPr lang="en-GB" dirty="0"/>
              <a:t> Microcontroladores</a:t>
            </a:r>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3A7F51-0797-E1A1-471B-9CD49B9DD75F}"/>
              </a:ext>
            </a:extLst>
          </p:cNvPr>
          <p:cNvSpPr>
            <a:spLocks noGrp="1"/>
          </p:cNvSpPr>
          <p:nvPr>
            <p:ph type="title"/>
          </p:nvPr>
        </p:nvSpPr>
        <p:spPr/>
        <p:txBody>
          <a:bodyPr/>
          <a:lstStyle/>
          <a:p>
            <a:r>
              <a:rPr lang="en-US" dirty="0" err="1"/>
              <a:t>PIC18</a:t>
            </a:r>
            <a:r>
              <a:rPr lang="en-US" dirty="0"/>
              <a:t> INSTRUCTION SET ARCHITECTURE</a:t>
            </a:r>
          </a:p>
        </p:txBody>
      </p:sp>
      <p:sp>
        <p:nvSpPr>
          <p:cNvPr id="4" name="Footer Placeholder 3">
            <a:extLst>
              <a:ext uri="{FF2B5EF4-FFF2-40B4-BE49-F238E27FC236}">
                <a16:creationId xmlns:a16="http://schemas.microsoft.com/office/drawing/2014/main" id="{00D51131-D734-4842-D551-2DD46208A199}"/>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453637A0-675E-56D6-8BCF-24C50B02F8D0}"/>
              </a:ext>
            </a:extLst>
          </p:cNvPr>
          <p:cNvSpPr>
            <a:spLocks noGrp="1"/>
          </p:cNvSpPr>
          <p:nvPr>
            <p:ph type="sldNum" sz="quarter" idx="11"/>
          </p:nvPr>
        </p:nvSpPr>
        <p:spPr/>
        <p:txBody>
          <a:bodyPr/>
          <a:lstStyle/>
          <a:p>
            <a:fld id="{103EA872-A674-449B-A120-B97244F8E91D}" type="slidenum">
              <a:rPr lang="en-GB" smtClean="0"/>
              <a:pPr/>
              <a:t>3</a:t>
            </a:fld>
            <a:endParaRPr lang="en-GB" dirty="0"/>
          </a:p>
        </p:txBody>
      </p:sp>
      <p:graphicFrame>
        <p:nvGraphicFramePr>
          <p:cNvPr id="7" name="Content Placeholder 6">
            <a:extLst>
              <a:ext uri="{FF2B5EF4-FFF2-40B4-BE49-F238E27FC236}">
                <a16:creationId xmlns:a16="http://schemas.microsoft.com/office/drawing/2014/main" id="{5EE00DB1-BBE5-1859-DD66-BCB76CCF9313}"/>
              </a:ext>
            </a:extLst>
          </p:cNvPr>
          <p:cNvGraphicFramePr>
            <a:graphicFrameLocks noGrp="1"/>
          </p:cNvGraphicFramePr>
          <p:nvPr>
            <p:ph idx="1"/>
            <p:extLst>
              <p:ext uri="{D42A27DB-BD31-4B8C-83A1-F6EECF244321}">
                <p14:modId xmlns:p14="http://schemas.microsoft.com/office/powerpoint/2010/main" val="3881444151"/>
              </p:ext>
            </p:extLst>
          </p:nvPr>
        </p:nvGraphicFramePr>
        <p:xfrm>
          <a:off x="1774825" y="1706563"/>
          <a:ext cx="9312275" cy="454501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68961739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FD465A-E8BB-0F22-4C13-EC99E2C432B8}"/>
              </a:ext>
            </a:extLst>
          </p:cNvPr>
          <p:cNvSpPr>
            <a:spLocks noGrp="1"/>
          </p:cNvSpPr>
          <p:nvPr>
            <p:ph type="title"/>
          </p:nvPr>
        </p:nvSpPr>
        <p:spPr/>
        <p:txBody>
          <a:bodyPr/>
          <a:lstStyle/>
          <a:p>
            <a:r>
              <a:rPr lang="en-US"/>
              <a:t>DEVELOPMENT CYCLE</a:t>
            </a:r>
            <a:endParaRPr lang="LID4096"/>
          </a:p>
        </p:txBody>
      </p:sp>
      <p:sp>
        <p:nvSpPr>
          <p:cNvPr id="3" name="Content Placeholder 2">
            <a:extLst>
              <a:ext uri="{FF2B5EF4-FFF2-40B4-BE49-F238E27FC236}">
                <a16:creationId xmlns:a16="http://schemas.microsoft.com/office/drawing/2014/main" id="{24627326-5EE2-81A4-2862-1A6C0035DDDA}"/>
              </a:ext>
            </a:extLst>
          </p:cNvPr>
          <p:cNvSpPr>
            <a:spLocks noGrp="1"/>
          </p:cNvSpPr>
          <p:nvPr>
            <p:ph idx="1"/>
          </p:nvPr>
        </p:nvSpPr>
        <p:spPr/>
        <p:txBody>
          <a:bodyPr/>
          <a:lstStyle/>
          <a:p>
            <a:endParaRPr lang="LID4096"/>
          </a:p>
        </p:txBody>
      </p:sp>
      <p:sp>
        <p:nvSpPr>
          <p:cNvPr id="4" name="Footer Placeholder 3">
            <a:extLst>
              <a:ext uri="{FF2B5EF4-FFF2-40B4-BE49-F238E27FC236}">
                <a16:creationId xmlns:a16="http://schemas.microsoft.com/office/drawing/2014/main" id="{29BDDE1E-9D30-2CD2-E7EB-C3A538CB2C96}"/>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7FDC9A5C-FEA8-F78F-0740-05E5596D68B4}"/>
              </a:ext>
            </a:extLst>
          </p:cNvPr>
          <p:cNvSpPr>
            <a:spLocks noGrp="1"/>
          </p:cNvSpPr>
          <p:nvPr>
            <p:ph type="sldNum" sz="quarter" idx="11"/>
          </p:nvPr>
        </p:nvSpPr>
        <p:spPr/>
        <p:txBody>
          <a:bodyPr/>
          <a:lstStyle/>
          <a:p>
            <a:fld id="{103EA872-A674-449B-A120-B97244F8E91D}" type="slidenum">
              <a:rPr lang="en-GB" smtClean="0"/>
              <a:pPr/>
              <a:t>4</a:t>
            </a:fld>
            <a:endParaRPr lang="en-GB" dirty="0"/>
          </a:p>
        </p:txBody>
      </p:sp>
    </p:spTree>
    <p:extLst>
      <p:ext uri="{BB962C8B-B14F-4D97-AF65-F5344CB8AC3E}">
        <p14:creationId xmlns:p14="http://schemas.microsoft.com/office/powerpoint/2010/main" val="124133474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C47FC7-FCC0-3E0C-97C6-9540A5AA28EA}"/>
              </a:ext>
            </a:extLst>
          </p:cNvPr>
          <p:cNvSpPr>
            <a:spLocks noGrp="1"/>
          </p:cNvSpPr>
          <p:nvPr>
            <p:ph type="title"/>
          </p:nvPr>
        </p:nvSpPr>
        <p:spPr/>
        <p:txBody>
          <a:bodyPr/>
          <a:lstStyle/>
          <a:p>
            <a:r>
              <a:rPr lang="en-US"/>
              <a:t>INSTRUCTION FORMAT</a:t>
            </a:r>
            <a:endParaRPr lang="LID4096"/>
          </a:p>
        </p:txBody>
      </p:sp>
      <p:sp>
        <p:nvSpPr>
          <p:cNvPr id="3" name="Content Placeholder 2">
            <a:extLst>
              <a:ext uri="{FF2B5EF4-FFF2-40B4-BE49-F238E27FC236}">
                <a16:creationId xmlns:a16="http://schemas.microsoft.com/office/drawing/2014/main" id="{171C369A-26FB-5B59-2460-44DE7DF797E5}"/>
              </a:ext>
            </a:extLst>
          </p:cNvPr>
          <p:cNvSpPr>
            <a:spLocks noGrp="1"/>
          </p:cNvSpPr>
          <p:nvPr>
            <p:ph idx="1"/>
          </p:nvPr>
        </p:nvSpPr>
        <p:spPr/>
        <p:txBody>
          <a:bodyPr/>
          <a:lstStyle/>
          <a:p>
            <a:endParaRPr lang="LID4096"/>
          </a:p>
        </p:txBody>
      </p:sp>
      <p:sp>
        <p:nvSpPr>
          <p:cNvPr id="4" name="Footer Placeholder 3">
            <a:extLst>
              <a:ext uri="{FF2B5EF4-FFF2-40B4-BE49-F238E27FC236}">
                <a16:creationId xmlns:a16="http://schemas.microsoft.com/office/drawing/2014/main" id="{D697FFF9-295F-8665-CF4F-9972A6C7959E}"/>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7A7C5D3-B136-881A-527F-F04DEE15E2E7}"/>
              </a:ext>
            </a:extLst>
          </p:cNvPr>
          <p:cNvSpPr>
            <a:spLocks noGrp="1"/>
          </p:cNvSpPr>
          <p:nvPr>
            <p:ph type="sldNum" sz="quarter" idx="11"/>
          </p:nvPr>
        </p:nvSpPr>
        <p:spPr/>
        <p:txBody>
          <a:bodyPr/>
          <a:lstStyle/>
          <a:p>
            <a:fld id="{103EA872-A674-449B-A120-B97244F8E91D}" type="slidenum">
              <a:rPr lang="en-GB" smtClean="0"/>
              <a:pPr/>
              <a:t>5</a:t>
            </a:fld>
            <a:endParaRPr lang="en-GB" dirty="0"/>
          </a:p>
        </p:txBody>
      </p:sp>
    </p:spTree>
    <p:extLst>
      <p:ext uri="{BB962C8B-B14F-4D97-AF65-F5344CB8AC3E}">
        <p14:creationId xmlns:p14="http://schemas.microsoft.com/office/powerpoint/2010/main" val="301366552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EA6F86E-C6D3-7F20-578A-383FE09298D5}"/>
              </a:ext>
            </a:extLst>
          </p:cNvPr>
          <p:cNvSpPr>
            <a:spLocks noGrp="1"/>
          </p:cNvSpPr>
          <p:nvPr>
            <p:ph type="title"/>
          </p:nvPr>
        </p:nvSpPr>
        <p:spPr/>
        <p:txBody>
          <a:bodyPr/>
          <a:lstStyle/>
          <a:p>
            <a:r>
              <a:rPr lang="en-US"/>
              <a:t>INSTRUCTION CYCLE</a:t>
            </a:r>
            <a:endParaRPr lang="LID4096"/>
          </a:p>
        </p:txBody>
      </p:sp>
      <p:sp>
        <p:nvSpPr>
          <p:cNvPr id="3" name="Content Placeholder 2">
            <a:extLst>
              <a:ext uri="{FF2B5EF4-FFF2-40B4-BE49-F238E27FC236}">
                <a16:creationId xmlns:a16="http://schemas.microsoft.com/office/drawing/2014/main" id="{7F5F8F34-8095-866F-04ED-AD281F1FD339}"/>
              </a:ext>
            </a:extLst>
          </p:cNvPr>
          <p:cNvSpPr>
            <a:spLocks noGrp="1"/>
          </p:cNvSpPr>
          <p:nvPr>
            <p:ph idx="1"/>
          </p:nvPr>
        </p:nvSpPr>
        <p:spPr/>
        <p:txBody>
          <a:bodyPr/>
          <a:lstStyle/>
          <a:p>
            <a:endParaRPr lang="LID4096"/>
          </a:p>
        </p:txBody>
      </p:sp>
      <p:sp>
        <p:nvSpPr>
          <p:cNvPr id="4" name="Footer Placeholder 3">
            <a:extLst>
              <a:ext uri="{FF2B5EF4-FFF2-40B4-BE49-F238E27FC236}">
                <a16:creationId xmlns:a16="http://schemas.microsoft.com/office/drawing/2014/main" id="{A6C8B381-2EBE-2792-73D4-8683E1278AB2}"/>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7431518C-0787-62DB-F57E-32C7504B1434}"/>
              </a:ext>
            </a:extLst>
          </p:cNvPr>
          <p:cNvSpPr>
            <a:spLocks noGrp="1"/>
          </p:cNvSpPr>
          <p:nvPr>
            <p:ph type="sldNum" sz="quarter" idx="11"/>
          </p:nvPr>
        </p:nvSpPr>
        <p:spPr/>
        <p:txBody>
          <a:bodyPr/>
          <a:lstStyle/>
          <a:p>
            <a:fld id="{103EA872-A674-449B-A120-B97244F8E91D}" type="slidenum">
              <a:rPr lang="en-GB" smtClean="0"/>
              <a:pPr/>
              <a:t>6</a:t>
            </a:fld>
            <a:endParaRPr lang="en-GB" dirty="0"/>
          </a:p>
        </p:txBody>
      </p:sp>
    </p:spTree>
    <p:extLst>
      <p:ext uri="{BB962C8B-B14F-4D97-AF65-F5344CB8AC3E}">
        <p14:creationId xmlns:p14="http://schemas.microsoft.com/office/powerpoint/2010/main" val="373591256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1EC404E-494D-8737-B2F3-6D30DF953993}"/>
              </a:ext>
            </a:extLst>
          </p:cNvPr>
          <p:cNvSpPr>
            <a:spLocks noGrp="1"/>
          </p:cNvSpPr>
          <p:nvPr>
            <p:ph type="ctrTitle"/>
          </p:nvPr>
        </p:nvSpPr>
        <p:spPr/>
        <p:txBody>
          <a:bodyPr/>
          <a:lstStyle/>
          <a:p>
            <a:r>
              <a:rPr lang="en-US">
                <a:solidFill>
                  <a:srgbClr val="0000A0"/>
                </a:solidFill>
              </a:rPr>
              <a:t>Directives</a:t>
            </a:r>
            <a:endParaRPr lang="LID4096">
              <a:solidFill>
                <a:srgbClr val="0000A0"/>
              </a:solidFill>
            </a:endParaRPr>
          </a:p>
        </p:txBody>
      </p:sp>
      <p:sp>
        <p:nvSpPr>
          <p:cNvPr id="7" name="Subtitle 6">
            <a:extLst>
              <a:ext uri="{FF2B5EF4-FFF2-40B4-BE49-F238E27FC236}">
                <a16:creationId xmlns:a16="http://schemas.microsoft.com/office/drawing/2014/main" id="{0D200434-4127-A5B0-33BF-E0B6B5A49F14}"/>
              </a:ext>
            </a:extLst>
          </p:cNvPr>
          <p:cNvSpPr>
            <a:spLocks noGrp="1"/>
          </p:cNvSpPr>
          <p:nvPr>
            <p:ph type="subTitle" idx="1"/>
          </p:nvPr>
        </p:nvSpPr>
        <p:spPr/>
        <p:txBody>
          <a:bodyPr/>
          <a:lstStyle/>
          <a:p>
            <a:r>
              <a:rPr lang="en-US">
                <a:solidFill>
                  <a:srgbClr val="0000A0"/>
                </a:solidFill>
              </a:rPr>
              <a:t>TE2015 Microcontroladores</a:t>
            </a:r>
            <a:endParaRPr lang="LID4096">
              <a:solidFill>
                <a:srgbClr val="0000A0"/>
              </a:solidFill>
            </a:endParaRPr>
          </a:p>
        </p:txBody>
      </p:sp>
      <p:sp>
        <p:nvSpPr>
          <p:cNvPr id="4" name="Footer Placeholder 3">
            <a:extLst>
              <a:ext uri="{FF2B5EF4-FFF2-40B4-BE49-F238E27FC236}">
                <a16:creationId xmlns:a16="http://schemas.microsoft.com/office/drawing/2014/main" id="{77B33085-BF39-5687-4129-8B11E89FE2B2}"/>
              </a:ext>
            </a:extLst>
          </p:cNvPr>
          <p:cNvSpPr>
            <a:spLocks noGrp="1"/>
          </p:cNvSpPr>
          <p:nvPr>
            <p:ph type="ftr" sz="quarter" idx="16"/>
          </p:nvPr>
        </p:nvSpPr>
        <p:spPr/>
        <p:txBody>
          <a:bodyPr/>
          <a:lstStyle/>
          <a:p>
            <a:endParaRPr lang="en-GB" dirty="0"/>
          </a:p>
        </p:txBody>
      </p:sp>
      <p:sp>
        <p:nvSpPr>
          <p:cNvPr id="5" name="Slide Number Placeholder 4">
            <a:extLst>
              <a:ext uri="{FF2B5EF4-FFF2-40B4-BE49-F238E27FC236}">
                <a16:creationId xmlns:a16="http://schemas.microsoft.com/office/drawing/2014/main" id="{087A0440-46A3-C160-B029-642117EE3D78}"/>
              </a:ext>
            </a:extLst>
          </p:cNvPr>
          <p:cNvSpPr>
            <a:spLocks noGrp="1"/>
          </p:cNvSpPr>
          <p:nvPr>
            <p:ph type="sldNum" sz="quarter" idx="17"/>
          </p:nvPr>
        </p:nvSpPr>
        <p:spPr/>
        <p:txBody>
          <a:bodyPr/>
          <a:lstStyle/>
          <a:p>
            <a:fld id="{103EA872-A674-449B-A120-B97244F8E91D}" type="slidenum">
              <a:rPr lang="en-GB" smtClean="0"/>
              <a:pPr/>
              <a:t>7</a:t>
            </a:fld>
            <a:endParaRPr lang="en-GB" dirty="0"/>
          </a:p>
        </p:txBody>
      </p:sp>
    </p:spTree>
    <p:extLst>
      <p:ext uri="{BB962C8B-B14F-4D97-AF65-F5344CB8AC3E}">
        <p14:creationId xmlns:p14="http://schemas.microsoft.com/office/powerpoint/2010/main" val="101111953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8CA51C-CBF1-C0A5-3C6C-1F393FE1E6C0}"/>
              </a:ext>
            </a:extLst>
          </p:cNvPr>
          <p:cNvSpPr>
            <a:spLocks noGrp="1"/>
          </p:cNvSpPr>
          <p:nvPr>
            <p:ph type="ctrTitle"/>
          </p:nvPr>
        </p:nvSpPr>
        <p:spPr/>
        <p:txBody>
          <a:bodyPr/>
          <a:lstStyle/>
          <a:p>
            <a:r>
              <a:rPr lang="en-US">
                <a:solidFill>
                  <a:srgbClr val="0000A0"/>
                </a:solidFill>
              </a:rPr>
              <a:t>PIC18 Instruction Set</a:t>
            </a:r>
            <a:endParaRPr lang="LID4096">
              <a:solidFill>
                <a:srgbClr val="0000A0"/>
              </a:solidFill>
            </a:endParaRPr>
          </a:p>
        </p:txBody>
      </p:sp>
      <p:sp>
        <p:nvSpPr>
          <p:cNvPr id="3" name="Subtitle 2">
            <a:extLst>
              <a:ext uri="{FF2B5EF4-FFF2-40B4-BE49-F238E27FC236}">
                <a16:creationId xmlns:a16="http://schemas.microsoft.com/office/drawing/2014/main" id="{632E7D3C-758D-4944-FEF6-3A87C2414831}"/>
              </a:ext>
            </a:extLst>
          </p:cNvPr>
          <p:cNvSpPr>
            <a:spLocks noGrp="1"/>
          </p:cNvSpPr>
          <p:nvPr>
            <p:ph type="subTitle" idx="1"/>
          </p:nvPr>
        </p:nvSpPr>
        <p:spPr/>
        <p:txBody>
          <a:bodyPr/>
          <a:lstStyle/>
          <a:p>
            <a:r>
              <a:rPr lang="en-US">
                <a:solidFill>
                  <a:srgbClr val="0000A0"/>
                </a:solidFill>
              </a:rPr>
              <a:t>TE2015 Microcontroladores</a:t>
            </a:r>
            <a:endParaRPr lang="LID4096">
              <a:solidFill>
                <a:srgbClr val="0000A0"/>
              </a:solidFill>
            </a:endParaRPr>
          </a:p>
        </p:txBody>
      </p:sp>
      <p:sp>
        <p:nvSpPr>
          <p:cNvPr id="4" name="Footer Placeholder 3">
            <a:extLst>
              <a:ext uri="{FF2B5EF4-FFF2-40B4-BE49-F238E27FC236}">
                <a16:creationId xmlns:a16="http://schemas.microsoft.com/office/drawing/2014/main" id="{1FAC33FB-F255-4620-DED7-622725CBD492}"/>
              </a:ext>
            </a:extLst>
          </p:cNvPr>
          <p:cNvSpPr>
            <a:spLocks noGrp="1"/>
          </p:cNvSpPr>
          <p:nvPr>
            <p:ph type="ftr" sz="quarter" idx="16"/>
          </p:nvPr>
        </p:nvSpPr>
        <p:spPr/>
        <p:txBody>
          <a:bodyPr/>
          <a:lstStyle/>
          <a:p>
            <a:endParaRPr lang="en-GB" dirty="0"/>
          </a:p>
        </p:txBody>
      </p:sp>
      <p:sp>
        <p:nvSpPr>
          <p:cNvPr id="5" name="Slide Number Placeholder 4">
            <a:extLst>
              <a:ext uri="{FF2B5EF4-FFF2-40B4-BE49-F238E27FC236}">
                <a16:creationId xmlns:a16="http://schemas.microsoft.com/office/drawing/2014/main" id="{F40012E4-B039-4EDD-256A-03A3FBD08675}"/>
              </a:ext>
            </a:extLst>
          </p:cNvPr>
          <p:cNvSpPr>
            <a:spLocks noGrp="1"/>
          </p:cNvSpPr>
          <p:nvPr>
            <p:ph type="sldNum" sz="quarter" idx="17"/>
          </p:nvPr>
        </p:nvSpPr>
        <p:spPr/>
        <p:txBody>
          <a:bodyPr/>
          <a:lstStyle/>
          <a:p>
            <a:fld id="{103EA872-A674-449B-A120-B97244F8E91D}" type="slidenum">
              <a:rPr lang="en-GB" smtClean="0"/>
              <a:pPr/>
              <a:t>8</a:t>
            </a:fld>
            <a:endParaRPr lang="en-GB" dirty="0"/>
          </a:p>
        </p:txBody>
      </p:sp>
    </p:spTree>
    <p:extLst>
      <p:ext uri="{BB962C8B-B14F-4D97-AF65-F5344CB8AC3E}">
        <p14:creationId xmlns:p14="http://schemas.microsoft.com/office/powerpoint/2010/main" val="397064617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71771A2-3AF6-2739-C273-84A3363A869C}"/>
              </a:ext>
            </a:extLst>
          </p:cNvPr>
          <p:cNvSpPr>
            <a:spLocks noGrp="1"/>
          </p:cNvSpPr>
          <p:nvPr>
            <p:ph type="title"/>
          </p:nvPr>
        </p:nvSpPr>
        <p:spPr/>
        <p:txBody>
          <a:bodyPr/>
          <a:lstStyle/>
          <a:p>
            <a:r>
              <a:rPr lang="en-US" dirty="0"/>
              <a:t>Skip Instructions</a:t>
            </a:r>
          </a:p>
        </p:txBody>
      </p:sp>
      <p:sp>
        <p:nvSpPr>
          <p:cNvPr id="3" name="Content Placeholder 2">
            <a:extLst>
              <a:ext uri="{FF2B5EF4-FFF2-40B4-BE49-F238E27FC236}">
                <a16:creationId xmlns:a16="http://schemas.microsoft.com/office/drawing/2014/main" id="{5302A88E-8E1C-85EE-7FA5-21680F9EBD98}"/>
              </a:ext>
            </a:extLst>
          </p:cNvPr>
          <p:cNvSpPr>
            <a:spLocks noGrp="1"/>
          </p:cNvSpPr>
          <p:nvPr>
            <p:ph sz="half" idx="1"/>
          </p:nvPr>
        </p:nvSpPr>
        <p:spPr/>
        <p:txBody>
          <a:bodyPr/>
          <a:lstStyle/>
          <a:p>
            <a:r>
              <a:rPr lang="es-ES" dirty="0"/>
              <a:t>Normalmente la ejecución de un programa no suele ser lineal, ya que en la estructura de un programa las instrucciones no se ejecutan una tras otra en su totalidad.</a:t>
            </a:r>
          </a:p>
          <a:p>
            <a:r>
              <a:rPr lang="es-ES" dirty="0"/>
              <a:t>En un programa tendremos fragmentos en donde se realizarán saltos estratégicos a otros fragmentos de instrucciones, es decir, en puntos determinados la secuencia de ejecución tiene que romperse por una toma de decisión o por cualquier otro motivo.</a:t>
            </a:r>
            <a:endParaRPr lang="en-US" dirty="0"/>
          </a:p>
        </p:txBody>
      </p:sp>
      <p:sp>
        <p:nvSpPr>
          <p:cNvPr id="8" name="Content Placeholder 7">
            <a:extLst>
              <a:ext uri="{FF2B5EF4-FFF2-40B4-BE49-F238E27FC236}">
                <a16:creationId xmlns:a16="http://schemas.microsoft.com/office/drawing/2014/main" id="{2CC47155-8378-E8CF-291D-54FC70E8EAD3}"/>
              </a:ext>
            </a:extLst>
          </p:cNvPr>
          <p:cNvSpPr>
            <a:spLocks noGrp="1"/>
          </p:cNvSpPr>
          <p:nvPr>
            <p:ph sz="half" idx="2"/>
          </p:nvPr>
        </p:nvSpPr>
        <p:spPr/>
        <p:txBody>
          <a:bodyPr/>
          <a:lstStyle/>
          <a:p>
            <a:r>
              <a:rPr lang="es-ES" dirty="0"/>
              <a:t>El set de instrucciones </a:t>
            </a:r>
            <a:r>
              <a:rPr lang="es-ES" dirty="0" err="1"/>
              <a:t>PIC18</a:t>
            </a:r>
            <a:r>
              <a:rPr lang="es-ES" dirty="0"/>
              <a:t> dispone de instrucciones de salto condicional, que son aquellas que producen un salto en función de que se cumpla o no una condición.</a:t>
            </a:r>
          </a:p>
          <a:p>
            <a:r>
              <a:rPr lang="es-ES" dirty="0" err="1"/>
              <a:t>PIC18</a:t>
            </a:r>
            <a:r>
              <a:rPr lang="es-ES" dirty="0"/>
              <a:t> incluye instrucciones de salto condicional clasificados en dos grupos:</a:t>
            </a:r>
          </a:p>
          <a:p>
            <a:r>
              <a:rPr lang="es-ES" dirty="0"/>
              <a:t>Instrucciones de salto orientadas a bit: Permiten producir un salto en función del estado de un bit.</a:t>
            </a:r>
          </a:p>
          <a:p>
            <a:r>
              <a:rPr lang="es-ES" dirty="0"/>
              <a:t>Instrucciones de salto orientadas a byte: Permiten producir un salto en función del contenido de un registro.</a:t>
            </a:r>
            <a:endParaRPr lang="en-US" dirty="0"/>
          </a:p>
        </p:txBody>
      </p:sp>
      <p:sp>
        <p:nvSpPr>
          <p:cNvPr id="6" name="Footer Placeholder 5">
            <a:extLst>
              <a:ext uri="{FF2B5EF4-FFF2-40B4-BE49-F238E27FC236}">
                <a16:creationId xmlns:a16="http://schemas.microsoft.com/office/drawing/2014/main" id="{4ED4C9D0-8202-1A1E-9F3E-C07CFC33F9C9}"/>
              </a:ext>
            </a:extLst>
          </p:cNvPr>
          <p:cNvSpPr>
            <a:spLocks noGrp="1"/>
          </p:cNvSpPr>
          <p:nvPr>
            <p:ph type="ftr" sz="quarter" idx="10"/>
          </p:nvPr>
        </p:nvSpPr>
        <p:spPr/>
        <p:txBody>
          <a:bodyPr/>
          <a:lstStyle/>
          <a:p>
            <a:endParaRPr lang="en-GB" dirty="0"/>
          </a:p>
        </p:txBody>
      </p:sp>
      <p:sp>
        <p:nvSpPr>
          <p:cNvPr id="7" name="Slide Number Placeholder 6">
            <a:extLst>
              <a:ext uri="{FF2B5EF4-FFF2-40B4-BE49-F238E27FC236}">
                <a16:creationId xmlns:a16="http://schemas.microsoft.com/office/drawing/2014/main" id="{0986E8B6-094E-4BA5-F537-31CA56866C3C}"/>
              </a:ext>
            </a:extLst>
          </p:cNvPr>
          <p:cNvSpPr>
            <a:spLocks noGrp="1"/>
          </p:cNvSpPr>
          <p:nvPr>
            <p:ph type="sldNum" sz="quarter" idx="11"/>
          </p:nvPr>
        </p:nvSpPr>
        <p:spPr/>
        <p:txBody>
          <a:bodyPr/>
          <a:lstStyle/>
          <a:p>
            <a:fld id="{103EA872-A674-449B-A120-B97244F8E91D}" type="slidenum">
              <a:rPr lang="en-GB" smtClean="0"/>
              <a:pPr/>
              <a:t>9</a:t>
            </a:fld>
            <a:endParaRPr lang="en-GB" dirty="0"/>
          </a:p>
        </p:txBody>
      </p:sp>
    </p:spTree>
    <p:extLst>
      <p:ext uri="{BB962C8B-B14F-4D97-AF65-F5344CB8AC3E}">
        <p14:creationId xmlns:p14="http://schemas.microsoft.com/office/powerpoint/2010/main" val="288884095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solidFill>
            <a:schemeClr val="accent2"/>
          </a:solidFill>
          <a:prstDash val="solid"/>
          <a:miter lim="800000"/>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Presentation2" id="{A611AD58-0D0F-4A5D-85DD-F6F3227D2876}" vid="{2D6AE17D-3D63-49A5-B0E7-5D750CF11311}"/>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b1bbc462-e1d5-4868-9c87-bf382fa51339","elementConfiguration":{"binding":"UserProfile.Offices.Workarea_{{DocumentLanguage}}","disableUpdates":false,"type":"text"}},{"type":"shape","id":"43bb06f3-a301-45d7-99c1-79f071616c2c","elementConfiguration":{"format":"{{DateFormats.GeneralDate}}","binding":"Form.Date","disableUpdates":false,"type":"date"}},{"type":"shape","id":"299c2bdf-8e40-4d60-b65e-d3b387672b96","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2.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XuOfYOghDuQRTvR841VHg=="}]}]]></TemplafyFormConfiguration>
</file>

<file path=customXml/item3.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6822015789149163","enableDocumentContentUpdater":true,"version":"1.2"}]]></TemplafySlideTemplateConfiguration>
</file>

<file path=customXml/item5.xml><?xml version="1.0" encoding="utf-8"?>
<TemplafySlideTemplateConfiguration><![CDATA[{"documentContentValidatorConfiguration":{"enableDocumentContentValidator":false,"documentContentValidatorVersion":0},"elementsMetadata":[],"slideId":"636822015789305407","enableDocumentContentUpdater":true,"version":"1.2"}]]></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C086A146-0E09-4AA0-A3DC-33B2C18DA71A}">
  <ds:schemaRefs/>
</ds:datastoreItem>
</file>

<file path=customXml/itemProps3.xml><?xml version="1.0" encoding="utf-8"?>
<ds:datastoreItem xmlns:ds="http://schemas.openxmlformats.org/officeDocument/2006/customXml" ds:itemID="{67919094-E09D-4390-A4AE-6883C8770F20}">
  <ds:schemaRefs/>
</ds:datastoreItem>
</file>

<file path=customXml/itemProps4.xml><?xml version="1.0" encoding="utf-8"?>
<ds:datastoreItem xmlns:ds="http://schemas.openxmlformats.org/officeDocument/2006/customXml" ds:itemID="{2B9466E3-7A84-4564-80FD-6C0E78204366}">
  <ds:schemaRefs/>
</ds:datastoreItem>
</file>

<file path=customXml/itemProps5.xml><?xml version="1.0" encoding="utf-8"?>
<ds:datastoreItem xmlns:ds="http://schemas.openxmlformats.org/officeDocument/2006/customXml" ds:itemID="{FEB336AD-412E-4A6A-BBCC-D419DF141969}">
  <ds:schemaRefs/>
</ds:datastoreItem>
</file>

<file path=customXml/itemProps6.xml><?xml version="1.0" encoding="utf-8"?>
<ds:datastoreItem xmlns:ds="http://schemas.openxmlformats.org/officeDocument/2006/customXml" ds:itemID="{67FA1DAD-F71B-4C9A-9254-C5592BC33837}">
  <ds:schemaRefs/>
</ds:datastoreItem>
</file>

<file path=docProps/app.xml><?xml version="1.0" encoding="utf-8"?>
<Properties xmlns="http://schemas.openxmlformats.org/officeDocument/2006/extended-properties" xmlns:vt="http://schemas.openxmlformats.org/officeDocument/2006/docPropsVTypes">
  <Template>TEC</Template>
  <TotalTime>360</TotalTime>
  <Words>779</Words>
  <Application>Microsoft Office PowerPoint</Application>
  <PresentationFormat>Custom</PresentationFormat>
  <Paragraphs>58</Paragraphs>
  <Slides>12</Slides>
  <Notes>1</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2</vt:i4>
      </vt:variant>
    </vt:vector>
  </HeadingPairs>
  <TitlesOfParts>
    <vt:vector size="19" baseType="lpstr">
      <vt:lpstr>Arial</vt:lpstr>
      <vt:lpstr>Calibri</vt:lpstr>
      <vt:lpstr>Calibri-Bold</vt:lpstr>
      <vt:lpstr>CourierNewPS-BoldMT</vt:lpstr>
      <vt:lpstr>CourierNewPSMT</vt:lpstr>
      <vt:lpstr>Verdana</vt:lpstr>
      <vt:lpstr>Blank</vt:lpstr>
      <vt:lpstr>PowerPoint Presentation</vt:lpstr>
      <vt:lpstr>Assembly Programming for PIC18</vt:lpstr>
      <vt:lpstr>PIC18 INSTRUCTION SET ARCHITECTURE</vt:lpstr>
      <vt:lpstr>DEVELOPMENT CYCLE</vt:lpstr>
      <vt:lpstr>INSTRUCTION FORMAT</vt:lpstr>
      <vt:lpstr>INSTRUCTION CYCLE</vt:lpstr>
      <vt:lpstr>Directives</vt:lpstr>
      <vt:lpstr>PIC18 Instruction Set</vt:lpstr>
      <vt:lpstr>Skip Instructions</vt:lpstr>
      <vt:lpstr>Bitwise instructions</vt:lpstr>
      <vt:lpstr>Ejercicios en Ensamblador</vt:lpstr>
      <vt:lpstr>Ejercicios en Ensamblador</vt:lpstr>
    </vt:vector>
  </TitlesOfParts>
  <Company>TECHNICAL UNIVERSITY OF DENMAR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atias Vázquez Piñón</dc:creator>
  <cp:lastModifiedBy>Matías Vázquez Piñón</cp:lastModifiedBy>
  <cp:revision>2</cp:revision>
  <dcterms:created xsi:type="dcterms:W3CDTF">2022-07-11T09:06:09Z</dcterms:created>
  <dcterms:modified xsi:type="dcterms:W3CDTF">2022-08-27T16:08:3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imeStamp">
    <vt:lpwstr>2019-01-04T12:26:18.5555378Z</vt:lpwstr>
  </property>
  <property fmtid="{D5CDD505-2E9C-101B-9397-08002B2CF9AE}" pid="4" name="TemplafyTenantId">
    <vt:lpwstr>dtu</vt:lpwstr>
  </property>
  <property fmtid="{D5CDD505-2E9C-101B-9397-08002B2CF9AE}" pid="5" name="TemplafyTemplateId">
    <vt:lpwstr>636806498783428984</vt:lpwstr>
  </property>
  <property fmtid="{D5CDD505-2E9C-101B-9397-08002B2CF9AE}" pid="6" name="TemplafyUserProfileId">
    <vt:lpwstr>637829274160799217</vt:lpwstr>
  </property>
  <property fmtid="{D5CDD505-2E9C-101B-9397-08002B2CF9AE}" pid="7" name="TemplafyLanguageCode">
    <vt:lpwstr>en-GB</vt:lpwstr>
  </property>
</Properties>
</file>